
<file path=[Content_Types].xml><?xml version="1.0" encoding="utf-8"?>
<Types xmlns="http://schemas.openxmlformats.org/package/2006/content-types">
  <Default Extension="emf" ContentType="image/x-emf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webextensions/webextension1.xml" ContentType="application/vnd.ms-office.webextension+xml"/>
  <Override PartName="/ppt/webextensions/webextension2.xml" ContentType="application/vnd.ms-office.webextension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60" r:id="rId4"/>
  </p:sldMasterIdLst>
  <p:notesMasterIdLst>
    <p:notesMasterId r:id="rId23"/>
  </p:notesMasterIdLst>
  <p:handoutMasterIdLst>
    <p:handoutMasterId r:id="rId24"/>
  </p:handoutMasterIdLst>
  <p:sldIdLst>
    <p:sldId id="283" r:id="rId5"/>
    <p:sldId id="265" r:id="rId6"/>
    <p:sldId id="275" r:id="rId7"/>
    <p:sldId id="277" r:id="rId8"/>
    <p:sldId id="281" r:id="rId9"/>
    <p:sldId id="290" r:id="rId10"/>
    <p:sldId id="256" r:id="rId11"/>
    <p:sldId id="266" r:id="rId12"/>
    <p:sldId id="278" r:id="rId13"/>
    <p:sldId id="279" r:id="rId14"/>
    <p:sldId id="268" r:id="rId15"/>
    <p:sldId id="282" r:id="rId16"/>
    <p:sldId id="284" r:id="rId17"/>
    <p:sldId id="285" r:id="rId18"/>
    <p:sldId id="286" r:id="rId19"/>
    <p:sldId id="287" r:id="rId20"/>
    <p:sldId id="289" r:id="rId21"/>
    <p:sldId id="292" r:id="rId22"/>
  </p:sldIdLst>
  <p:sldSz cx="12188825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8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204" autoAdjust="0"/>
    <p:restoredTop sz="94706" autoAdjust="0"/>
  </p:normalViewPr>
  <p:slideViewPr>
    <p:cSldViewPr showGuides="1">
      <p:cViewPr varScale="1">
        <p:scale>
          <a:sx n="86" d="100"/>
          <a:sy n="86" d="100"/>
        </p:scale>
        <p:origin x="552" y="58"/>
      </p:cViewPr>
      <p:guideLst>
        <p:guide orient="horz" pos="2160"/>
        <p:guide pos="3839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howGuides="1">
      <p:cViewPr varScale="1">
        <p:scale>
          <a:sx n="84" d="100"/>
          <a:sy n="84" d="100"/>
        </p:scale>
        <p:origin x="3828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theme" Target="theme/theme1.xml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svg"/><Relationship Id="rId1" Type="http://schemas.openxmlformats.org/officeDocument/2006/relationships/image" Target="../media/image9.png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sv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svg"/><Relationship Id="rId1" Type="http://schemas.openxmlformats.org/officeDocument/2006/relationships/image" Target="../media/image9.png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12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icontext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bg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B19C4F1-2B22-40F3-869B-1D473117B1AE}" type="doc">
      <dgm:prSet loTypeId="urn:microsoft.com/office/officeart/2005/8/layout/vList6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E4C21B94-4B35-4B66-81DC-F8835E622377}">
      <dgm:prSet phldrT="[Text]"/>
      <dgm:spPr/>
      <dgm:t>
        <a:bodyPr/>
        <a:lstStyle/>
        <a:p>
          <a:pPr algn="l"/>
          <a:r>
            <a:rPr lang="en-US" dirty="0"/>
            <a:t>1. Shapely accelerated smart labelling</a:t>
          </a:r>
        </a:p>
      </dgm:t>
    </dgm:pt>
    <dgm:pt modelId="{0FF2AF70-A11B-472D-BF33-0F4509D12EA9}" type="parTrans" cxnId="{73B4AD64-A019-425F-A18C-B39DCA3AAF51}">
      <dgm:prSet/>
      <dgm:spPr/>
      <dgm:t>
        <a:bodyPr/>
        <a:lstStyle/>
        <a:p>
          <a:endParaRPr lang="en-US"/>
        </a:p>
      </dgm:t>
    </dgm:pt>
    <dgm:pt modelId="{5E3DAF96-E309-4435-8F70-D66A6F41D9DA}" type="sibTrans" cxnId="{73B4AD64-A019-425F-A18C-B39DCA3AAF51}">
      <dgm:prSet/>
      <dgm:spPr/>
      <dgm:t>
        <a:bodyPr/>
        <a:lstStyle/>
        <a:p>
          <a:endParaRPr lang="en-US"/>
        </a:p>
      </dgm:t>
    </dgm:pt>
    <dgm:pt modelId="{BA5F4D73-F4C3-44EF-8B7F-78CAD79F100B}">
      <dgm:prSet phldrT="[Text]"/>
      <dgm:spPr/>
      <dgm:t>
        <a:bodyPr/>
        <a:lstStyle/>
        <a:p>
          <a:r>
            <a:rPr lang="en-US" dirty="0"/>
            <a:t>Demo paper</a:t>
          </a:r>
        </a:p>
      </dgm:t>
    </dgm:pt>
    <dgm:pt modelId="{64CDBF5B-71B9-4B51-B265-168FB76A602C}" type="parTrans" cxnId="{298FB64D-ACE1-46E3-BC79-A9FB8CCBE44F}">
      <dgm:prSet/>
      <dgm:spPr/>
      <dgm:t>
        <a:bodyPr/>
        <a:lstStyle/>
        <a:p>
          <a:endParaRPr lang="en-US"/>
        </a:p>
      </dgm:t>
    </dgm:pt>
    <dgm:pt modelId="{A55439A5-4148-4B25-AB7C-05DEB8B5C186}" type="sibTrans" cxnId="{298FB64D-ACE1-46E3-BC79-A9FB8CCBE44F}">
      <dgm:prSet/>
      <dgm:spPr/>
      <dgm:t>
        <a:bodyPr/>
        <a:lstStyle/>
        <a:p>
          <a:endParaRPr lang="en-US"/>
        </a:p>
      </dgm:t>
    </dgm:pt>
    <dgm:pt modelId="{4294BF32-6AF9-4271-923F-7800C07446B3}">
      <dgm:prSet phldrT="[Text]"/>
      <dgm:spPr/>
      <dgm:t>
        <a:bodyPr/>
        <a:lstStyle/>
        <a:p>
          <a:r>
            <a:rPr lang="en-US" dirty="0"/>
            <a:t>December 2019</a:t>
          </a:r>
        </a:p>
      </dgm:t>
    </dgm:pt>
    <dgm:pt modelId="{9259B512-B53A-4A1E-9D07-1E962807ACAF}" type="parTrans" cxnId="{3FA1E16C-73E6-4541-8494-F186A9FA63B5}">
      <dgm:prSet/>
      <dgm:spPr/>
      <dgm:t>
        <a:bodyPr/>
        <a:lstStyle/>
        <a:p>
          <a:endParaRPr lang="en-US"/>
        </a:p>
      </dgm:t>
    </dgm:pt>
    <dgm:pt modelId="{95224207-D232-4994-BA4F-6C3CE23EE1A5}" type="sibTrans" cxnId="{3FA1E16C-73E6-4541-8494-F186A9FA63B5}">
      <dgm:prSet/>
      <dgm:spPr/>
      <dgm:t>
        <a:bodyPr/>
        <a:lstStyle/>
        <a:p>
          <a:endParaRPr lang="en-US"/>
        </a:p>
      </dgm:t>
    </dgm:pt>
    <dgm:pt modelId="{24B3F587-8090-47DB-A660-4E008CA09177}">
      <dgm:prSet phldrT="[Text]"/>
      <dgm:spPr/>
      <dgm:t>
        <a:bodyPr/>
        <a:lstStyle/>
        <a:p>
          <a:pPr algn="l"/>
          <a:r>
            <a:rPr lang="en-US" dirty="0"/>
            <a:t>2. Case study report on explainable AI</a:t>
          </a:r>
        </a:p>
      </dgm:t>
    </dgm:pt>
    <dgm:pt modelId="{2E3AE3E6-14CE-4AEE-9FB5-51AAE9CD12AC}" type="parTrans" cxnId="{5A0357DE-BA3B-4BD6-A9DE-F3B7D5CEC272}">
      <dgm:prSet/>
      <dgm:spPr/>
      <dgm:t>
        <a:bodyPr/>
        <a:lstStyle/>
        <a:p>
          <a:endParaRPr lang="en-US"/>
        </a:p>
      </dgm:t>
    </dgm:pt>
    <dgm:pt modelId="{6DA7E731-2870-40A7-93C1-43FC780ACB2F}" type="sibTrans" cxnId="{5A0357DE-BA3B-4BD6-A9DE-F3B7D5CEC272}">
      <dgm:prSet/>
      <dgm:spPr/>
      <dgm:t>
        <a:bodyPr/>
        <a:lstStyle/>
        <a:p>
          <a:endParaRPr lang="en-US"/>
        </a:p>
      </dgm:t>
    </dgm:pt>
    <dgm:pt modelId="{92AE5CC1-531A-4A2B-B972-FCA22E18C985}">
      <dgm:prSet phldrT="[Text]"/>
      <dgm:spPr/>
      <dgm:t>
        <a:bodyPr/>
        <a:lstStyle/>
        <a:p>
          <a:r>
            <a:rPr lang="en-US" dirty="0"/>
            <a:t>Case study report – </a:t>
          </a:r>
          <a:r>
            <a:rPr lang="en-US" dirty="0" err="1"/>
            <a:t>Rabo</a:t>
          </a:r>
          <a:r>
            <a:rPr lang="en-US" dirty="0"/>
            <a:t>/ </a:t>
          </a:r>
          <a:r>
            <a:rPr lang="en-US" dirty="0" err="1"/>
            <a:t>Achmea</a:t>
          </a:r>
          <a:endParaRPr lang="en-US" dirty="0"/>
        </a:p>
      </dgm:t>
    </dgm:pt>
    <dgm:pt modelId="{7E03232C-BB3B-48C0-B97B-26B73EA93FBF}" type="parTrans" cxnId="{9ED28BB5-6DB9-47CC-9F66-E2934C207334}">
      <dgm:prSet/>
      <dgm:spPr/>
      <dgm:t>
        <a:bodyPr/>
        <a:lstStyle/>
        <a:p>
          <a:endParaRPr lang="en-US"/>
        </a:p>
      </dgm:t>
    </dgm:pt>
    <dgm:pt modelId="{B0096304-058B-42DF-B90D-B8DDB21BC99D}" type="sibTrans" cxnId="{9ED28BB5-6DB9-47CC-9F66-E2934C207334}">
      <dgm:prSet/>
      <dgm:spPr/>
      <dgm:t>
        <a:bodyPr/>
        <a:lstStyle/>
        <a:p>
          <a:endParaRPr lang="en-US"/>
        </a:p>
      </dgm:t>
    </dgm:pt>
    <dgm:pt modelId="{0F429C6A-8B7F-4B3A-915B-93CB08881532}">
      <dgm:prSet phldrT="[Text]"/>
      <dgm:spPr/>
      <dgm:t>
        <a:bodyPr/>
        <a:lstStyle/>
        <a:p>
          <a:r>
            <a:rPr lang="en-US" dirty="0"/>
            <a:t>March 2020 </a:t>
          </a:r>
        </a:p>
      </dgm:t>
    </dgm:pt>
    <dgm:pt modelId="{267AC3AE-5FF8-4375-8CB6-022FF36FF045}" type="parTrans" cxnId="{9B49C30B-4DFA-479D-A80D-04F4E8102C7B}">
      <dgm:prSet/>
      <dgm:spPr/>
      <dgm:t>
        <a:bodyPr/>
        <a:lstStyle/>
        <a:p>
          <a:endParaRPr lang="en-US"/>
        </a:p>
      </dgm:t>
    </dgm:pt>
    <dgm:pt modelId="{363DDD86-1841-4C3D-86B3-128C5F09141F}" type="sibTrans" cxnId="{9B49C30B-4DFA-479D-A80D-04F4E8102C7B}">
      <dgm:prSet/>
      <dgm:spPr/>
      <dgm:t>
        <a:bodyPr/>
        <a:lstStyle/>
        <a:p>
          <a:endParaRPr lang="en-US"/>
        </a:p>
      </dgm:t>
    </dgm:pt>
    <dgm:pt modelId="{865ACBAC-D3FD-4DE3-A6C9-C6F0225E1903}" type="pres">
      <dgm:prSet presAssocID="{4B19C4F1-2B22-40F3-869B-1D473117B1AE}" presName="Name0" presStyleCnt="0">
        <dgm:presLayoutVars>
          <dgm:dir/>
          <dgm:animLvl val="lvl"/>
          <dgm:resizeHandles/>
        </dgm:presLayoutVars>
      </dgm:prSet>
      <dgm:spPr/>
    </dgm:pt>
    <dgm:pt modelId="{EA7E0091-A986-425C-9296-853AEF92E90B}" type="pres">
      <dgm:prSet presAssocID="{E4C21B94-4B35-4B66-81DC-F8835E622377}" presName="linNode" presStyleCnt="0"/>
      <dgm:spPr/>
    </dgm:pt>
    <dgm:pt modelId="{11C1998B-C152-48EB-9D34-65AD984DC6A6}" type="pres">
      <dgm:prSet presAssocID="{E4C21B94-4B35-4B66-81DC-F8835E622377}" presName="parentShp" presStyleLbl="node1" presStyleIdx="0" presStyleCnt="2">
        <dgm:presLayoutVars>
          <dgm:bulletEnabled val="1"/>
        </dgm:presLayoutVars>
      </dgm:prSet>
      <dgm:spPr/>
    </dgm:pt>
    <dgm:pt modelId="{B38E8311-EA54-448D-85A5-7E9D935FAD1F}" type="pres">
      <dgm:prSet presAssocID="{E4C21B94-4B35-4B66-81DC-F8835E622377}" presName="childShp" presStyleLbl="bgAccFollowNode1" presStyleIdx="0" presStyleCnt="2">
        <dgm:presLayoutVars>
          <dgm:bulletEnabled val="1"/>
        </dgm:presLayoutVars>
      </dgm:prSet>
      <dgm:spPr/>
    </dgm:pt>
    <dgm:pt modelId="{16B5BAB0-9F2D-490F-83B8-E95435854709}" type="pres">
      <dgm:prSet presAssocID="{5E3DAF96-E309-4435-8F70-D66A6F41D9DA}" presName="spacing" presStyleCnt="0"/>
      <dgm:spPr/>
    </dgm:pt>
    <dgm:pt modelId="{7B3BE436-47D7-46D7-B8B6-E612695E30F0}" type="pres">
      <dgm:prSet presAssocID="{24B3F587-8090-47DB-A660-4E008CA09177}" presName="linNode" presStyleCnt="0"/>
      <dgm:spPr/>
    </dgm:pt>
    <dgm:pt modelId="{2E7FBC8C-CFC8-49B8-B6F4-6BE4E24B5837}" type="pres">
      <dgm:prSet presAssocID="{24B3F587-8090-47DB-A660-4E008CA09177}" presName="parentShp" presStyleLbl="node1" presStyleIdx="1" presStyleCnt="2">
        <dgm:presLayoutVars>
          <dgm:bulletEnabled val="1"/>
        </dgm:presLayoutVars>
      </dgm:prSet>
      <dgm:spPr/>
    </dgm:pt>
    <dgm:pt modelId="{560B34BF-6966-485F-8297-2672BFD4F9A2}" type="pres">
      <dgm:prSet presAssocID="{24B3F587-8090-47DB-A660-4E008CA09177}" presName="childShp" presStyleLbl="bgAccFollowNode1" presStyleIdx="1" presStyleCnt="2">
        <dgm:presLayoutVars>
          <dgm:bulletEnabled val="1"/>
        </dgm:presLayoutVars>
      </dgm:prSet>
      <dgm:spPr/>
    </dgm:pt>
  </dgm:ptLst>
  <dgm:cxnLst>
    <dgm:cxn modelId="{9B49C30B-4DFA-479D-A80D-04F4E8102C7B}" srcId="{24B3F587-8090-47DB-A660-4E008CA09177}" destId="{0F429C6A-8B7F-4B3A-915B-93CB08881532}" srcOrd="1" destOrd="0" parTransId="{267AC3AE-5FF8-4375-8CB6-022FF36FF045}" sibTransId="{363DDD86-1841-4C3D-86B3-128C5F09141F}"/>
    <dgm:cxn modelId="{D2A33613-3089-4F03-A16F-7D19DB20E13E}" type="presOf" srcId="{92AE5CC1-531A-4A2B-B972-FCA22E18C985}" destId="{560B34BF-6966-485F-8297-2672BFD4F9A2}" srcOrd="0" destOrd="0" presId="urn:microsoft.com/office/officeart/2005/8/layout/vList6"/>
    <dgm:cxn modelId="{E0CB3A5C-D4AF-41A0-89DB-B66B3565604F}" type="presOf" srcId="{24B3F587-8090-47DB-A660-4E008CA09177}" destId="{2E7FBC8C-CFC8-49B8-B6F4-6BE4E24B5837}" srcOrd="0" destOrd="0" presId="urn:microsoft.com/office/officeart/2005/8/layout/vList6"/>
    <dgm:cxn modelId="{73B4AD64-A019-425F-A18C-B39DCA3AAF51}" srcId="{4B19C4F1-2B22-40F3-869B-1D473117B1AE}" destId="{E4C21B94-4B35-4B66-81DC-F8835E622377}" srcOrd="0" destOrd="0" parTransId="{0FF2AF70-A11B-472D-BF33-0F4509D12EA9}" sibTransId="{5E3DAF96-E309-4435-8F70-D66A6F41D9DA}"/>
    <dgm:cxn modelId="{3FA1E16C-73E6-4541-8494-F186A9FA63B5}" srcId="{E4C21B94-4B35-4B66-81DC-F8835E622377}" destId="{4294BF32-6AF9-4271-923F-7800C07446B3}" srcOrd="1" destOrd="0" parTransId="{9259B512-B53A-4A1E-9D07-1E962807ACAF}" sibTransId="{95224207-D232-4994-BA4F-6C3CE23EE1A5}"/>
    <dgm:cxn modelId="{298FB64D-ACE1-46E3-BC79-A9FB8CCBE44F}" srcId="{E4C21B94-4B35-4B66-81DC-F8835E622377}" destId="{BA5F4D73-F4C3-44EF-8B7F-78CAD79F100B}" srcOrd="0" destOrd="0" parTransId="{64CDBF5B-71B9-4B51-B265-168FB76A602C}" sibTransId="{A55439A5-4148-4B25-AB7C-05DEB8B5C186}"/>
    <dgm:cxn modelId="{A5D5C975-5B7A-4AE9-9436-DBD9CB9596C3}" type="presOf" srcId="{BA5F4D73-F4C3-44EF-8B7F-78CAD79F100B}" destId="{B38E8311-EA54-448D-85A5-7E9D935FAD1F}" srcOrd="0" destOrd="0" presId="urn:microsoft.com/office/officeart/2005/8/layout/vList6"/>
    <dgm:cxn modelId="{98CD08AC-3FF1-49F6-A07F-C2EF9C9F179F}" type="presOf" srcId="{4B19C4F1-2B22-40F3-869B-1D473117B1AE}" destId="{865ACBAC-D3FD-4DE3-A6C9-C6F0225E1903}" srcOrd="0" destOrd="0" presId="urn:microsoft.com/office/officeart/2005/8/layout/vList6"/>
    <dgm:cxn modelId="{9ED28BB5-6DB9-47CC-9F66-E2934C207334}" srcId="{24B3F587-8090-47DB-A660-4E008CA09177}" destId="{92AE5CC1-531A-4A2B-B972-FCA22E18C985}" srcOrd="0" destOrd="0" parTransId="{7E03232C-BB3B-48C0-B97B-26B73EA93FBF}" sibTransId="{B0096304-058B-42DF-B90D-B8DDB21BC99D}"/>
    <dgm:cxn modelId="{6DD30ACC-DAB9-4A89-9003-FCD5B5D611DC}" type="presOf" srcId="{E4C21B94-4B35-4B66-81DC-F8835E622377}" destId="{11C1998B-C152-48EB-9D34-65AD984DC6A6}" srcOrd="0" destOrd="0" presId="urn:microsoft.com/office/officeart/2005/8/layout/vList6"/>
    <dgm:cxn modelId="{5A0357DE-BA3B-4BD6-A9DE-F3B7D5CEC272}" srcId="{4B19C4F1-2B22-40F3-869B-1D473117B1AE}" destId="{24B3F587-8090-47DB-A660-4E008CA09177}" srcOrd="1" destOrd="0" parTransId="{2E3AE3E6-14CE-4AEE-9FB5-51AAE9CD12AC}" sibTransId="{6DA7E731-2870-40A7-93C1-43FC780ACB2F}"/>
    <dgm:cxn modelId="{64B936E5-009A-44F9-BE3F-88A3CE01527B}" type="presOf" srcId="{0F429C6A-8B7F-4B3A-915B-93CB08881532}" destId="{560B34BF-6966-485F-8297-2672BFD4F9A2}" srcOrd="0" destOrd="1" presId="urn:microsoft.com/office/officeart/2005/8/layout/vList6"/>
    <dgm:cxn modelId="{09D0E1EA-C9AC-4BF4-80CC-0DECD7E2B66F}" type="presOf" srcId="{4294BF32-6AF9-4271-923F-7800C07446B3}" destId="{B38E8311-EA54-448D-85A5-7E9D935FAD1F}" srcOrd="0" destOrd="1" presId="urn:microsoft.com/office/officeart/2005/8/layout/vList6"/>
    <dgm:cxn modelId="{1AD7190C-DABC-457D-A953-2AC9B1373C83}" type="presParOf" srcId="{865ACBAC-D3FD-4DE3-A6C9-C6F0225E1903}" destId="{EA7E0091-A986-425C-9296-853AEF92E90B}" srcOrd="0" destOrd="0" presId="urn:microsoft.com/office/officeart/2005/8/layout/vList6"/>
    <dgm:cxn modelId="{8954273E-9DBB-428D-95CD-41C0E96CF51A}" type="presParOf" srcId="{EA7E0091-A986-425C-9296-853AEF92E90B}" destId="{11C1998B-C152-48EB-9D34-65AD984DC6A6}" srcOrd="0" destOrd="0" presId="urn:microsoft.com/office/officeart/2005/8/layout/vList6"/>
    <dgm:cxn modelId="{14C52FEA-B719-4628-A06A-9E18CC64EA0F}" type="presParOf" srcId="{EA7E0091-A986-425C-9296-853AEF92E90B}" destId="{B38E8311-EA54-448D-85A5-7E9D935FAD1F}" srcOrd="1" destOrd="0" presId="urn:microsoft.com/office/officeart/2005/8/layout/vList6"/>
    <dgm:cxn modelId="{F1946BAD-561C-4F82-9E33-4E2ED25393EE}" type="presParOf" srcId="{865ACBAC-D3FD-4DE3-A6C9-C6F0225E1903}" destId="{16B5BAB0-9F2D-490F-83B8-E95435854709}" srcOrd="1" destOrd="0" presId="urn:microsoft.com/office/officeart/2005/8/layout/vList6"/>
    <dgm:cxn modelId="{32E8BFB0-E348-446E-A59F-EAC57B1FEA82}" type="presParOf" srcId="{865ACBAC-D3FD-4DE3-A6C9-C6F0225E1903}" destId="{7B3BE436-47D7-46D7-B8B6-E612695E30F0}" srcOrd="2" destOrd="0" presId="urn:microsoft.com/office/officeart/2005/8/layout/vList6"/>
    <dgm:cxn modelId="{2713491A-E0A0-4228-924D-35A1B82F29BC}" type="presParOf" srcId="{7B3BE436-47D7-46D7-B8B6-E612695E30F0}" destId="{2E7FBC8C-CFC8-49B8-B6F4-6BE4E24B5837}" srcOrd="0" destOrd="0" presId="urn:microsoft.com/office/officeart/2005/8/layout/vList6"/>
    <dgm:cxn modelId="{85D3E2A2-4ADA-47FD-9325-E65F37EDAA40}" type="presParOf" srcId="{7B3BE436-47D7-46D7-B8B6-E612695E30F0}" destId="{560B34BF-6966-485F-8297-2672BFD4F9A2}" srcOrd="1" destOrd="0" presId="urn:microsoft.com/office/officeart/2005/8/layout/vList6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B9C34167-2EF7-4F84-8E00-0B5E3F93CF07}" type="doc">
      <dgm:prSet loTypeId="urn:microsoft.com/office/officeart/2018/2/layout/IconVerticalSolidList" loCatId="icon" qsTypeId="urn:microsoft.com/office/officeart/2005/8/quickstyle/simple1" qsCatId="simple" csTypeId="urn:microsoft.com/office/officeart/2018/5/colors/Iconchunking_neutralicontext_colorful1" csCatId="colorful" phldr="1"/>
      <dgm:spPr/>
      <dgm:t>
        <a:bodyPr/>
        <a:lstStyle/>
        <a:p>
          <a:endParaRPr lang="en-US"/>
        </a:p>
      </dgm:t>
    </dgm:pt>
    <dgm:pt modelId="{1AF912C5-B514-4399-B4F1-7B3C7B544124}">
      <dgm:prSet/>
      <dgm:spPr/>
      <dgm:t>
        <a:bodyPr/>
        <a:lstStyle/>
        <a:p>
          <a:r>
            <a:rPr lang="en-US"/>
            <a:t>Despite a growing literature on creating interpretable machine learning methods, there have been few experimental studies of their effects on end users (domain expert)</a:t>
          </a:r>
        </a:p>
      </dgm:t>
    </dgm:pt>
    <dgm:pt modelId="{D87B6860-C70B-4C87-A0A8-53A1366B423B}" type="parTrans" cxnId="{CA82801B-1FCE-47DB-B2F5-9A5241BE959B}">
      <dgm:prSet/>
      <dgm:spPr/>
      <dgm:t>
        <a:bodyPr/>
        <a:lstStyle/>
        <a:p>
          <a:endParaRPr lang="en-US"/>
        </a:p>
      </dgm:t>
    </dgm:pt>
    <dgm:pt modelId="{256A1D31-D8C5-4355-9D61-AAD820C04053}" type="sibTrans" cxnId="{CA82801B-1FCE-47DB-B2F5-9A5241BE959B}">
      <dgm:prSet/>
      <dgm:spPr/>
      <dgm:t>
        <a:bodyPr/>
        <a:lstStyle/>
        <a:p>
          <a:endParaRPr lang="en-US"/>
        </a:p>
      </dgm:t>
    </dgm:pt>
    <dgm:pt modelId="{39B8AE91-4136-4ED6-A72A-C617CE199D1B}">
      <dgm:prSet/>
      <dgm:spPr/>
      <dgm:t>
        <a:bodyPr/>
        <a:lstStyle/>
        <a:p>
          <a:r>
            <a:rPr lang="en-US" dirty="0"/>
            <a:t>Pick an industrial use-case from </a:t>
          </a:r>
          <a:r>
            <a:rPr lang="en-US" dirty="0" err="1"/>
            <a:t>Rabo</a:t>
          </a:r>
          <a:r>
            <a:rPr lang="en-US" dirty="0"/>
            <a:t> bank or </a:t>
          </a:r>
          <a:r>
            <a:rPr lang="en-US" dirty="0" err="1"/>
            <a:t>achmea</a:t>
          </a:r>
          <a:r>
            <a:rPr lang="en-US" dirty="0"/>
            <a:t> in which domain experts can participate</a:t>
          </a:r>
        </a:p>
      </dgm:t>
    </dgm:pt>
    <dgm:pt modelId="{7862EF98-6838-45C7-91E1-5A1F2B3A5A43}" type="parTrans" cxnId="{8662F45E-69F1-4A0F-9AFF-5C60AA0028EA}">
      <dgm:prSet/>
      <dgm:spPr/>
      <dgm:t>
        <a:bodyPr/>
        <a:lstStyle/>
        <a:p>
          <a:endParaRPr lang="en-US"/>
        </a:p>
      </dgm:t>
    </dgm:pt>
    <dgm:pt modelId="{74E4C31B-7CB2-4452-B435-F5D8DFBA528C}" type="sibTrans" cxnId="{8662F45E-69F1-4A0F-9AFF-5C60AA0028EA}">
      <dgm:prSet/>
      <dgm:spPr/>
      <dgm:t>
        <a:bodyPr/>
        <a:lstStyle/>
        <a:p>
          <a:endParaRPr lang="en-US"/>
        </a:p>
      </dgm:t>
    </dgm:pt>
    <dgm:pt modelId="{585C64A6-3502-4777-A3C0-6DE2B04877BE}">
      <dgm:prSet/>
      <dgm:spPr/>
      <dgm:t>
        <a:bodyPr/>
        <a:lstStyle/>
        <a:p>
          <a:r>
            <a:rPr lang="en-US" dirty="0"/>
            <a:t>Measure the effect of interpretability </a:t>
          </a:r>
          <a:r>
            <a:rPr lang="en-US" b="1" dirty="0"/>
            <a:t>by comparing black box and white box models</a:t>
          </a:r>
          <a:endParaRPr lang="en-US" dirty="0"/>
        </a:p>
      </dgm:t>
    </dgm:pt>
    <dgm:pt modelId="{9B23D0AC-091C-42A2-8F67-CB894A7119AD}" type="parTrans" cxnId="{648A4AAB-569D-4159-97CE-36064F976FB8}">
      <dgm:prSet/>
      <dgm:spPr/>
      <dgm:t>
        <a:bodyPr/>
        <a:lstStyle/>
        <a:p>
          <a:endParaRPr lang="en-US"/>
        </a:p>
      </dgm:t>
    </dgm:pt>
    <dgm:pt modelId="{3E54C2EC-6310-47C8-986E-FE6DDB30A70F}" type="sibTrans" cxnId="{648A4AAB-569D-4159-97CE-36064F976FB8}">
      <dgm:prSet/>
      <dgm:spPr/>
      <dgm:t>
        <a:bodyPr/>
        <a:lstStyle/>
        <a:p>
          <a:endParaRPr lang="en-US"/>
        </a:p>
      </dgm:t>
    </dgm:pt>
    <dgm:pt modelId="{284D7D63-A12B-4F22-8DA9-4940D4711447}" type="pres">
      <dgm:prSet presAssocID="{B9C34167-2EF7-4F84-8E00-0B5E3F93CF07}" presName="root" presStyleCnt="0">
        <dgm:presLayoutVars>
          <dgm:dir/>
          <dgm:resizeHandles val="exact"/>
        </dgm:presLayoutVars>
      </dgm:prSet>
      <dgm:spPr/>
    </dgm:pt>
    <dgm:pt modelId="{080DEB54-53E6-404B-96CA-640C009FC2BA}" type="pres">
      <dgm:prSet presAssocID="{1AF912C5-B514-4399-B4F1-7B3C7B544124}" presName="compNode" presStyleCnt="0"/>
      <dgm:spPr/>
    </dgm:pt>
    <dgm:pt modelId="{45EEE084-AFD2-411A-A359-0E4DF27850A0}" type="pres">
      <dgm:prSet presAssocID="{1AF912C5-B514-4399-B4F1-7B3C7B544124}" presName="bgRect" presStyleLbl="bgShp" presStyleIdx="0" presStyleCnt="3"/>
      <dgm:spPr/>
    </dgm:pt>
    <dgm:pt modelId="{EA24E984-EBE0-4FFD-AFA7-0B7568DBE474}" type="pres">
      <dgm:prSet presAssocID="{1AF912C5-B514-4399-B4F1-7B3C7B544124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ooks"/>
        </a:ext>
      </dgm:extLst>
    </dgm:pt>
    <dgm:pt modelId="{76953B1F-630C-442F-BB4E-96A17D3FA7ED}" type="pres">
      <dgm:prSet presAssocID="{1AF912C5-B514-4399-B4F1-7B3C7B544124}" presName="spaceRect" presStyleCnt="0"/>
      <dgm:spPr/>
    </dgm:pt>
    <dgm:pt modelId="{B26B4C9F-D90B-4D0B-A378-88AB539E2DCA}" type="pres">
      <dgm:prSet presAssocID="{1AF912C5-B514-4399-B4F1-7B3C7B544124}" presName="parTx" presStyleLbl="revTx" presStyleIdx="0" presStyleCnt="3">
        <dgm:presLayoutVars>
          <dgm:chMax val="0"/>
          <dgm:chPref val="0"/>
        </dgm:presLayoutVars>
      </dgm:prSet>
      <dgm:spPr/>
    </dgm:pt>
    <dgm:pt modelId="{B6A6A821-CC31-4A61-BCFF-FD9AF53BBA21}" type="pres">
      <dgm:prSet presAssocID="{256A1D31-D8C5-4355-9D61-AAD820C04053}" presName="sibTrans" presStyleCnt="0"/>
      <dgm:spPr/>
    </dgm:pt>
    <dgm:pt modelId="{5A601ACF-5B08-42B8-8F48-3E1AE9E8DC8D}" type="pres">
      <dgm:prSet presAssocID="{39B8AE91-4136-4ED6-A72A-C617CE199D1B}" presName="compNode" presStyleCnt="0"/>
      <dgm:spPr/>
    </dgm:pt>
    <dgm:pt modelId="{C6D75087-3D2C-40E6-8BAF-197209B6B930}" type="pres">
      <dgm:prSet presAssocID="{39B8AE91-4136-4ED6-A72A-C617CE199D1B}" presName="bgRect" presStyleLbl="bgShp" presStyleIdx="1" presStyleCnt="3"/>
      <dgm:spPr/>
    </dgm:pt>
    <dgm:pt modelId="{06F4A277-AAD4-42DA-AD0B-550613268644}" type="pres">
      <dgm:prSet presAssocID="{39B8AE91-4136-4ED6-A72A-C617CE199D1B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itcoin"/>
        </a:ext>
      </dgm:extLst>
    </dgm:pt>
    <dgm:pt modelId="{35E9F387-15EA-4D2C-8F17-C2CFA6EA5C2B}" type="pres">
      <dgm:prSet presAssocID="{39B8AE91-4136-4ED6-A72A-C617CE199D1B}" presName="spaceRect" presStyleCnt="0"/>
      <dgm:spPr/>
    </dgm:pt>
    <dgm:pt modelId="{F1C2A923-EF50-44E7-A45A-910B67E31791}" type="pres">
      <dgm:prSet presAssocID="{39B8AE91-4136-4ED6-A72A-C617CE199D1B}" presName="parTx" presStyleLbl="revTx" presStyleIdx="1" presStyleCnt="3">
        <dgm:presLayoutVars>
          <dgm:chMax val="0"/>
          <dgm:chPref val="0"/>
        </dgm:presLayoutVars>
      </dgm:prSet>
      <dgm:spPr/>
    </dgm:pt>
    <dgm:pt modelId="{3AAECEC4-483B-407D-BE84-9F2CB1644D6D}" type="pres">
      <dgm:prSet presAssocID="{74E4C31B-7CB2-4452-B435-F5D8DFBA528C}" presName="sibTrans" presStyleCnt="0"/>
      <dgm:spPr/>
    </dgm:pt>
    <dgm:pt modelId="{AAA643BB-D332-4B44-A922-D61AEEC39DFC}" type="pres">
      <dgm:prSet presAssocID="{585C64A6-3502-4777-A3C0-6DE2B04877BE}" presName="compNode" presStyleCnt="0"/>
      <dgm:spPr/>
    </dgm:pt>
    <dgm:pt modelId="{C139990B-B143-4045-A4E3-7EF623BE555F}" type="pres">
      <dgm:prSet presAssocID="{585C64A6-3502-4777-A3C0-6DE2B04877BE}" presName="bgRect" presStyleLbl="bgShp" presStyleIdx="2" presStyleCnt="3"/>
      <dgm:spPr/>
    </dgm:pt>
    <dgm:pt modelId="{02038A2C-5790-4438-A8B4-110DD4DF0AA6}" type="pres">
      <dgm:prSet presAssocID="{585C64A6-3502-4777-A3C0-6DE2B04877BE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ox"/>
        </a:ext>
      </dgm:extLst>
    </dgm:pt>
    <dgm:pt modelId="{A7598334-531A-4BCF-BBEC-0D3728FC1A99}" type="pres">
      <dgm:prSet presAssocID="{585C64A6-3502-4777-A3C0-6DE2B04877BE}" presName="spaceRect" presStyleCnt="0"/>
      <dgm:spPr/>
    </dgm:pt>
    <dgm:pt modelId="{93EB4786-2F93-4612-A9D8-35ADB507E6B0}" type="pres">
      <dgm:prSet presAssocID="{585C64A6-3502-4777-A3C0-6DE2B04877BE}" presName="parTx" presStyleLbl="revTx" presStyleIdx="2" presStyleCnt="3">
        <dgm:presLayoutVars>
          <dgm:chMax val="0"/>
          <dgm:chPref val="0"/>
        </dgm:presLayoutVars>
      </dgm:prSet>
      <dgm:spPr/>
    </dgm:pt>
  </dgm:ptLst>
  <dgm:cxnLst>
    <dgm:cxn modelId="{CA82801B-1FCE-47DB-B2F5-9A5241BE959B}" srcId="{B9C34167-2EF7-4F84-8E00-0B5E3F93CF07}" destId="{1AF912C5-B514-4399-B4F1-7B3C7B544124}" srcOrd="0" destOrd="0" parTransId="{D87B6860-C70B-4C87-A0A8-53A1366B423B}" sibTransId="{256A1D31-D8C5-4355-9D61-AAD820C04053}"/>
    <dgm:cxn modelId="{8662F45E-69F1-4A0F-9AFF-5C60AA0028EA}" srcId="{B9C34167-2EF7-4F84-8E00-0B5E3F93CF07}" destId="{39B8AE91-4136-4ED6-A72A-C617CE199D1B}" srcOrd="1" destOrd="0" parTransId="{7862EF98-6838-45C7-91E1-5A1F2B3A5A43}" sibTransId="{74E4C31B-7CB2-4452-B435-F5D8DFBA528C}"/>
    <dgm:cxn modelId="{6A611CA5-AD1A-4820-A5E8-58F681DA9B6A}" type="presOf" srcId="{1AF912C5-B514-4399-B4F1-7B3C7B544124}" destId="{B26B4C9F-D90B-4D0B-A378-88AB539E2DCA}" srcOrd="0" destOrd="0" presId="urn:microsoft.com/office/officeart/2018/2/layout/IconVerticalSolidList"/>
    <dgm:cxn modelId="{648A4AAB-569D-4159-97CE-36064F976FB8}" srcId="{B9C34167-2EF7-4F84-8E00-0B5E3F93CF07}" destId="{585C64A6-3502-4777-A3C0-6DE2B04877BE}" srcOrd="2" destOrd="0" parTransId="{9B23D0AC-091C-42A2-8F67-CB894A7119AD}" sibTransId="{3E54C2EC-6310-47C8-986E-FE6DDB30A70F}"/>
    <dgm:cxn modelId="{433EC3D0-6143-49B9-83FC-4F6F9638B072}" type="presOf" srcId="{39B8AE91-4136-4ED6-A72A-C617CE199D1B}" destId="{F1C2A923-EF50-44E7-A45A-910B67E31791}" srcOrd="0" destOrd="0" presId="urn:microsoft.com/office/officeart/2018/2/layout/IconVerticalSolidList"/>
    <dgm:cxn modelId="{F0147ADD-1615-40BF-83A9-EE4160DD4DBC}" type="presOf" srcId="{585C64A6-3502-4777-A3C0-6DE2B04877BE}" destId="{93EB4786-2F93-4612-A9D8-35ADB507E6B0}" srcOrd="0" destOrd="0" presId="urn:microsoft.com/office/officeart/2018/2/layout/IconVerticalSolidList"/>
    <dgm:cxn modelId="{468EDEE2-BAE2-469F-A82F-8967F6FC3D21}" type="presOf" srcId="{B9C34167-2EF7-4F84-8E00-0B5E3F93CF07}" destId="{284D7D63-A12B-4F22-8DA9-4940D4711447}" srcOrd="0" destOrd="0" presId="urn:microsoft.com/office/officeart/2018/2/layout/IconVerticalSolidList"/>
    <dgm:cxn modelId="{322E5DF5-E8BE-4A77-B83B-FF9B663A5464}" type="presParOf" srcId="{284D7D63-A12B-4F22-8DA9-4940D4711447}" destId="{080DEB54-53E6-404B-96CA-640C009FC2BA}" srcOrd="0" destOrd="0" presId="urn:microsoft.com/office/officeart/2018/2/layout/IconVerticalSolidList"/>
    <dgm:cxn modelId="{60C1317A-AB06-42B7-AD4A-6210285784BF}" type="presParOf" srcId="{080DEB54-53E6-404B-96CA-640C009FC2BA}" destId="{45EEE084-AFD2-411A-A359-0E4DF27850A0}" srcOrd="0" destOrd="0" presId="urn:microsoft.com/office/officeart/2018/2/layout/IconVerticalSolidList"/>
    <dgm:cxn modelId="{0ADB7AB5-0B7D-4627-BA6D-DA73180B9A9F}" type="presParOf" srcId="{080DEB54-53E6-404B-96CA-640C009FC2BA}" destId="{EA24E984-EBE0-4FFD-AFA7-0B7568DBE474}" srcOrd="1" destOrd="0" presId="urn:microsoft.com/office/officeart/2018/2/layout/IconVerticalSolidList"/>
    <dgm:cxn modelId="{EB7B5E60-23CE-4BA6-B531-9BAE3F2136E4}" type="presParOf" srcId="{080DEB54-53E6-404B-96CA-640C009FC2BA}" destId="{76953B1F-630C-442F-BB4E-96A17D3FA7ED}" srcOrd="2" destOrd="0" presId="urn:microsoft.com/office/officeart/2018/2/layout/IconVerticalSolidList"/>
    <dgm:cxn modelId="{8267AA5E-0FFD-41CE-B2C5-4ECF8FFC109B}" type="presParOf" srcId="{080DEB54-53E6-404B-96CA-640C009FC2BA}" destId="{B26B4C9F-D90B-4D0B-A378-88AB539E2DCA}" srcOrd="3" destOrd="0" presId="urn:microsoft.com/office/officeart/2018/2/layout/IconVerticalSolidList"/>
    <dgm:cxn modelId="{1AB553D8-A934-4E0B-8C8E-570C31F42414}" type="presParOf" srcId="{284D7D63-A12B-4F22-8DA9-4940D4711447}" destId="{B6A6A821-CC31-4A61-BCFF-FD9AF53BBA21}" srcOrd="1" destOrd="0" presId="urn:microsoft.com/office/officeart/2018/2/layout/IconVerticalSolidList"/>
    <dgm:cxn modelId="{63E65E9D-335F-479F-90DA-BCD20E3DB7BA}" type="presParOf" srcId="{284D7D63-A12B-4F22-8DA9-4940D4711447}" destId="{5A601ACF-5B08-42B8-8F48-3E1AE9E8DC8D}" srcOrd="2" destOrd="0" presId="urn:microsoft.com/office/officeart/2018/2/layout/IconVerticalSolidList"/>
    <dgm:cxn modelId="{BCE3C4EF-1DE5-4E4E-8075-1789E068E125}" type="presParOf" srcId="{5A601ACF-5B08-42B8-8F48-3E1AE9E8DC8D}" destId="{C6D75087-3D2C-40E6-8BAF-197209B6B930}" srcOrd="0" destOrd="0" presId="urn:microsoft.com/office/officeart/2018/2/layout/IconVerticalSolidList"/>
    <dgm:cxn modelId="{73C57761-A402-4019-B0BE-E238B88F45C9}" type="presParOf" srcId="{5A601ACF-5B08-42B8-8F48-3E1AE9E8DC8D}" destId="{06F4A277-AAD4-42DA-AD0B-550613268644}" srcOrd="1" destOrd="0" presId="urn:microsoft.com/office/officeart/2018/2/layout/IconVerticalSolidList"/>
    <dgm:cxn modelId="{82BCDBAF-0F56-458A-9989-414DD58EB2C0}" type="presParOf" srcId="{5A601ACF-5B08-42B8-8F48-3E1AE9E8DC8D}" destId="{35E9F387-15EA-4D2C-8F17-C2CFA6EA5C2B}" srcOrd="2" destOrd="0" presId="urn:microsoft.com/office/officeart/2018/2/layout/IconVerticalSolidList"/>
    <dgm:cxn modelId="{704A1818-9D27-4179-8AE9-B45BB7A591E0}" type="presParOf" srcId="{5A601ACF-5B08-42B8-8F48-3E1AE9E8DC8D}" destId="{F1C2A923-EF50-44E7-A45A-910B67E31791}" srcOrd="3" destOrd="0" presId="urn:microsoft.com/office/officeart/2018/2/layout/IconVerticalSolidList"/>
    <dgm:cxn modelId="{FBE04AF4-53F4-47D4-BFE1-33A96A1B30FC}" type="presParOf" srcId="{284D7D63-A12B-4F22-8DA9-4940D4711447}" destId="{3AAECEC4-483B-407D-BE84-9F2CB1644D6D}" srcOrd="3" destOrd="0" presId="urn:microsoft.com/office/officeart/2018/2/layout/IconVerticalSolidList"/>
    <dgm:cxn modelId="{36CFF760-0E01-40AF-8B0A-4847E23AA9A3}" type="presParOf" srcId="{284D7D63-A12B-4F22-8DA9-4940D4711447}" destId="{AAA643BB-D332-4B44-A922-D61AEEC39DFC}" srcOrd="4" destOrd="0" presId="urn:microsoft.com/office/officeart/2018/2/layout/IconVerticalSolidList"/>
    <dgm:cxn modelId="{1D312B63-48AD-42D3-A250-4A88846D7869}" type="presParOf" srcId="{AAA643BB-D332-4B44-A922-D61AEEC39DFC}" destId="{C139990B-B143-4045-A4E3-7EF623BE555F}" srcOrd="0" destOrd="0" presId="urn:microsoft.com/office/officeart/2018/2/layout/IconVerticalSolidList"/>
    <dgm:cxn modelId="{1ED18514-E361-4D0C-9C0D-78E7EF1B0D50}" type="presParOf" srcId="{AAA643BB-D332-4B44-A922-D61AEEC39DFC}" destId="{02038A2C-5790-4438-A8B4-110DD4DF0AA6}" srcOrd="1" destOrd="0" presId="urn:microsoft.com/office/officeart/2018/2/layout/IconVerticalSolidList"/>
    <dgm:cxn modelId="{4F773B61-BDB3-416C-9636-51CF4A9AC713}" type="presParOf" srcId="{AAA643BB-D332-4B44-A922-D61AEEC39DFC}" destId="{A7598334-531A-4BCF-BBEC-0D3728FC1A99}" srcOrd="2" destOrd="0" presId="urn:microsoft.com/office/officeart/2018/2/layout/IconVerticalSolidList"/>
    <dgm:cxn modelId="{36774E50-8401-4D9F-820D-7D0D5554A42A}" type="presParOf" srcId="{AAA643BB-D332-4B44-A922-D61AEEC39DFC}" destId="{93EB4786-2F93-4612-A9D8-35ADB507E6B0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38E8311-EA54-448D-85A5-7E9D935FAD1F}">
      <dsp:nvSpPr>
        <dsp:cNvPr id="0" name=""/>
        <dsp:cNvSpPr/>
      </dsp:nvSpPr>
      <dsp:spPr>
        <a:xfrm>
          <a:off x="2549313" y="487"/>
          <a:ext cx="3823969" cy="1902950"/>
        </a:xfrm>
        <a:prstGeom prst="rightArrow">
          <a:avLst>
            <a:gd name="adj1" fmla="val 75000"/>
            <a:gd name="adj2" fmla="val 5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050" tIns="19050" rIns="19050" bIns="19050" numCol="1" spcCol="1270" anchor="t" anchorCtr="0">
          <a:noAutofit/>
        </a:bodyPr>
        <a:lstStyle/>
        <a:p>
          <a:pPr marL="285750" lvl="1" indent="-285750" algn="l" defTabSz="1333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3000" kern="1200" dirty="0"/>
            <a:t>Demo paper</a:t>
          </a:r>
        </a:p>
        <a:p>
          <a:pPr marL="285750" lvl="1" indent="-285750" algn="l" defTabSz="1333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3000" kern="1200" dirty="0"/>
            <a:t>December 2019</a:t>
          </a:r>
        </a:p>
      </dsp:txBody>
      <dsp:txXfrm>
        <a:off x="2549313" y="238356"/>
        <a:ext cx="3110363" cy="1427212"/>
      </dsp:txXfrm>
    </dsp:sp>
    <dsp:sp modelId="{11C1998B-C152-48EB-9D34-65AD984DC6A6}">
      <dsp:nvSpPr>
        <dsp:cNvPr id="0" name=""/>
        <dsp:cNvSpPr/>
      </dsp:nvSpPr>
      <dsp:spPr>
        <a:xfrm>
          <a:off x="0" y="487"/>
          <a:ext cx="2549313" cy="190295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53340" rIns="106680" bIns="5334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dirty="0"/>
            <a:t>1. Shapely accelerated smart labelling</a:t>
          </a:r>
        </a:p>
      </dsp:txBody>
      <dsp:txXfrm>
        <a:off x="92894" y="93381"/>
        <a:ext cx="2363525" cy="1717162"/>
      </dsp:txXfrm>
    </dsp:sp>
    <dsp:sp modelId="{560B34BF-6966-485F-8297-2672BFD4F9A2}">
      <dsp:nvSpPr>
        <dsp:cNvPr id="0" name=""/>
        <dsp:cNvSpPr/>
      </dsp:nvSpPr>
      <dsp:spPr>
        <a:xfrm>
          <a:off x="2549313" y="2093733"/>
          <a:ext cx="3823969" cy="1902950"/>
        </a:xfrm>
        <a:prstGeom prst="rightArrow">
          <a:avLst>
            <a:gd name="adj1" fmla="val 75000"/>
            <a:gd name="adj2" fmla="val 5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050" tIns="19050" rIns="19050" bIns="19050" numCol="1" spcCol="1270" anchor="t" anchorCtr="0">
          <a:noAutofit/>
        </a:bodyPr>
        <a:lstStyle/>
        <a:p>
          <a:pPr marL="285750" lvl="1" indent="-285750" algn="l" defTabSz="1333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3000" kern="1200" dirty="0"/>
            <a:t>Case study report – </a:t>
          </a:r>
          <a:r>
            <a:rPr lang="en-US" sz="3000" kern="1200" dirty="0" err="1"/>
            <a:t>Rabo</a:t>
          </a:r>
          <a:r>
            <a:rPr lang="en-US" sz="3000" kern="1200" dirty="0"/>
            <a:t>/ </a:t>
          </a:r>
          <a:r>
            <a:rPr lang="en-US" sz="3000" kern="1200" dirty="0" err="1"/>
            <a:t>Achmea</a:t>
          </a:r>
          <a:endParaRPr lang="en-US" sz="3000" kern="1200" dirty="0"/>
        </a:p>
        <a:p>
          <a:pPr marL="285750" lvl="1" indent="-285750" algn="l" defTabSz="1333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3000" kern="1200" dirty="0"/>
            <a:t>March 2020 </a:t>
          </a:r>
        </a:p>
      </dsp:txBody>
      <dsp:txXfrm>
        <a:off x="2549313" y="2331602"/>
        <a:ext cx="3110363" cy="1427212"/>
      </dsp:txXfrm>
    </dsp:sp>
    <dsp:sp modelId="{2E7FBC8C-CFC8-49B8-B6F4-6BE4E24B5837}">
      <dsp:nvSpPr>
        <dsp:cNvPr id="0" name=""/>
        <dsp:cNvSpPr/>
      </dsp:nvSpPr>
      <dsp:spPr>
        <a:xfrm>
          <a:off x="0" y="2093733"/>
          <a:ext cx="2549313" cy="190295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53340" rIns="106680" bIns="5334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dirty="0"/>
            <a:t>2. Case study report on explainable AI</a:t>
          </a:r>
        </a:p>
      </dsp:txBody>
      <dsp:txXfrm>
        <a:off x="92894" y="2186627"/>
        <a:ext cx="2363525" cy="171716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5EEE084-AFD2-411A-A359-0E4DF27850A0}">
      <dsp:nvSpPr>
        <dsp:cNvPr id="0" name=""/>
        <dsp:cNvSpPr/>
      </dsp:nvSpPr>
      <dsp:spPr>
        <a:xfrm>
          <a:off x="0" y="531"/>
          <a:ext cx="10512862" cy="1242935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A24E984-EBE0-4FFD-AFA7-0B7568DBE474}">
      <dsp:nvSpPr>
        <dsp:cNvPr id="0" name=""/>
        <dsp:cNvSpPr/>
      </dsp:nvSpPr>
      <dsp:spPr>
        <a:xfrm>
          <a:off x="375988" y="280191"/>
          <a:ext cx="683614" cy="683614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26B4C9F-D90B-4D0B-A378-88AB539E2DCA}">
      <dsp:nvSpPr>
        <dsp:cNvPr id="0" name=""/>
        <dsp:cNvSpPr/>
      </dsp:nvSpPr>
      <dsp:spPr>
        <a:xfrm>
          <a:off x="1435590" y="531"/>
          <a:ext cx="9077271" cy="12429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31544" tIns="131544" rIns="131544" bIns="131544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/>
            <a:t>Despite a growing literature on creating interpretable machine learning methods, there have been few experimental studies of their effects on end users (domain expert)</a:t>
          </a:r>
        </a:p>
      </dsp:txBody>
      <dsp:txXfrm>
        <a:off x="1435590" y="531"/>
        <a:ext cx="9077271" cy="1242935"/>
      </dsp:txXfrm>
    </dsp:sp>
    <dsp:sp modelId="{C6D75087-3D2C-40E6-8BAF-197209B6B930}">
      <dsp:nvSpPr>
        <dsp:cNvPr id="0" name=""/>
        <dsp:cNvSpPr/>
      </dsp:nvSpPr>
      <dsp:spPr>
        <a:xfrm>
          <a:off x="0" y="1554201"/>
          <a:ext cx="10512862" cy="1242935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6F4A277-AAD4-42DA-AD0B-550613268644}">
      <dsp:nvSpPr>
        <dsp:cNvPr id="0" name=""/>
        <dsp:cNvSpPr/>
      </dsp:nvSpPr>
      <dsp:spPr>
        <a:xfrm>
          <a:off x="375988" y="1833861"/>
          <a:ext cx="683614" cy="683614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1C2A923-EF50-44E7-A45A-910B67E31791}">
      <dsp:nvSpPr>
        <dsp:cNvPr id="0" name=""/>
        <dsp:cNvSpPr/>
      </dsp:nvSpPr>
      <dsp:spPr>
        <a:xfrm>
          <a:off x="1435590" y="1554201"/>
          <a:ext cx="9077271" cy="12429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31544" tIns="131544" rIns="131544" bIns="131544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/>
            <a:t>Pick an industrial use-case from </a:t>
          </a:r>
          <a:r>
            <a:rPr lang="en-US" sz="2300" kern="1200" dirty="0" err="1"/>
            <a:t>Rabo</a:t>
          </a:r>
          <a:r>
            <a:rPr lang="en-US" sz="2300" kern="1200" dirty="0"/>
            <a:t> bank or </a:t>
          </a:r>
          <a:r>
            <a:rPr lang="en-US" sz="2300" kern="1200" dirty="0" err="1"/>
            <a:t>achmea</a:t>
          </a:r>
          <a:r>
            <a:rPr lang="en-US" sz="2300" kern="1200" dirty="0"/>
            <a:t> in which domain experts can participate</a:t>
          </a:r>
        </a:p>
      </dsp:txBody>
      <dsp:txXfrm>
        <a:off x="1435590" y="1554201"/>
        <a:ext cx="9077271" cy="1242935"/>
      </dsp:txXfrm>
    </dsp:sp>
    <dsp:sp modelId="{C139990B-B143-4045-A4E3-7EF623BE555F}">
      <dsp:nvSpPr>
        <dsp:cNvPr id="0" name=""/>
        <dsp:cNvSpPr/>
      </dsp:nvSpPr>
      <dsp:spPr>
        <a:xfrm>
          <a:off x="0" y="3107870"/>
          <a:ext cx="10512862" cy="1242935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2038A2C-5790-4438-A8B4-110DD4DF0AA6}">
      <dsp:nvSpPr>
        <dsp:cNvPr id="0" name=""/>
        <dsp:cNvSpPr/>
      </dsp:nvSpPr>
      <dsp:spPr>
        <a:xfrm>
          <a:off x="375988" y="3387531"/>
          <a:ext cx="683614" cy="683614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3EB4786-2F93-4612-A9D8-35ADB507E6B0}">
      <dsp:nvSpPr>
        <dsp:cNvPr id="0" name=""/>
        <dsp:cNvSpPr/>
      </dsp:nvSpPr>
      <dsp:spPr>
        <a:xfrm>
          <a:off x="1435590" y="3107870"/>
          <a:ext cx="9077271" cy="12429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31544" tIns="131544" rIns="131544" bIns="131544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/>
            <a:t>Measure the effect of interpretability </a:t>
          </a:r>
          <a:r>
            <a:rPr lang="en-US" sz="2300" b="1" kern="1200" dirty="0"/>
            <a:t>by comparing black box and white box models</a:t>
          </a:r>
          <a:endParaRPr lang="en-US" sz="2300" kern="1200" dirty="0"/>
        </a:p>
      </dsp:txBody>
      <dsp:txXfrm>
        <a:off x="1435590" y="3107870"/>
        <a:ext cx="9077271" cy="124293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6">
  <dgm:title val=""/>
  <dgm:desc val=""/>
  <dgm:catLst>
    <dgm:cat type="process" pri="22000"/>
    <dgm:cat type="list" pri="1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w" for="ch" forName="linNode" refType="w"/>
      <dgm:constr type="h" for="ch" forName="linNode" refType="h"/>
      <dgm:constr type="h" for="ch" forName="spacing" refType="h" refFor="ch" refForName="linNode" fact="0.1"/>
      <dgm:constr type="primFontSz" for="des" forName="parentShp" op="equ" val="65"/>
      <dgm:constr type="primFontSz" for="des" forName="childShp" op="equ" val="65"/>
    </dgm:constrLst>
    <dgm:ruleLst/>
    <dgm:forEach name="Name1" axis="ch" ptType="node">
      <dgm:layoutNode name="linNode">
        <dgm:choose name="Name2">
          <dgm:if name="Name3" func="var" arg="dir" op="equ" val="norm">
            <dgm:alg type="lin">
              <dgm:param type="linDir" val="fromL"/>
            </dgm:alg>
          </dgm:if>
          <dgm:else name="Name4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hoose name="Name5">
          <dgm:if name="Name6" func="var" arg="dir" op="equ" val="norm">
            <dgm:constrLst>
              <dgm:constr type="w" for="ch" forName="parentShp" refType="w" fact="0.4"/>
              <dgm:constr type="h" for="ch" forName="parentShp" refType="h"/>
              <dgm:constr type="w" for="ch" forName="childShp" refType="w" fact="0.6"/>
              <dgm:constr type="h" for="ch" forName="childShp" refType="h" refFor="ch" refForName="parentShp"/>
            </dgm:constrLst>
          </dgm:if>
          <dgm:else name="Name7">
            <dgm:constrLst>
              <dgm:constr type="w" for="ch" forName="parentShp" refType="w" fact="0.4"/>
              <dgm:constr type="h" for="ch" forName="parentShp" refType="h"/>
              <dgm:constr type="w" for="ch" forName="childShp" refType="w" fact="0.6"/>
              <dgm:constr type="h" for="ch" forName="childShp" refType="h" refFor="ch" refForName="parentShp"/>
            </dgm:constrLst>
          </dgm:else>
        </dgm:choose>
        <dgm:ruleLst/>
        <dgm:layoutNode name="parentShp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childShp" styleLbl="bgAccFollowNode1">
          <dgm:varLst>
            <dgm:bulletEnabled val="1"/>
          </dgm:varLst>
          <dgm:alg type="tx">
            <dgm:param type="stBulletLvl" val="1"/>
          </dgm:alg>
          <dgm:choose name="Name8">
            <dgm:if name="Name9" func="var" arg="dir" op="equ" val="norm">
              <dgm:shape xmlns:r="http://schemas.openxmlformats.org/officeDocument/2006/relationships" type="rightArrow" r:blip="" zOrderOff="-2">
                <dgm:adjLst>
                  <dgm:adj idx="1" val="0.75"/>
                </dgm:adjLst>
              </dgm:shape>
            </dgm:if>
            <dgm:else name="Name10">
              <dgm:shape xmlns:r="http://schemas.openxmlformats.org/officeDocument/2006/relationships" rot="180" type="rightArrow" r:blip="" zOrderOff="-2">
                <dgm:adjLst>
                  <dgm:adj idx="1" val="0.75"/>
                </dgm:adjLst>
              </dgm:shape>
            </dgm:else>
          </dgm:choose>
          <dgm:presOf axis="des" ptType="node"/>
          <dgm:constrLst>
            <dgm:constr type="secFontSz" refType="primFontSz"/>
            <dgm:constr type="tMarg" refType="primFontSz" fact="0.05"/>
            <dgm:constr type="bMarg" refType="primFontSz" fact="0.05"/>
            <dgm:constr type="lMarg" refType="primFontSz" fact="0.05"/>
            <dgm:constr type="rMarg" refType="primFontSz" fact="0.05"/>
          </dgm:constrLst>
          <dgm:ruleLst>
            <dgm:rule type="primFontSz" val="5" fact="NaN" max="NaN"/>
          </dgm:ruleLst>
        </dgm:layoutNode>
      </dgm:layoutNode>
      <dgm:forEach name="Name11" axis="followSib" ptType="sibTrans" cnt="1">
        <dgm:layoutNode name="spacing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4CE221E-83ED-4F6C-BA5F-3F9E6FDB6953}" type="datetimeFigureOut">
              <a:rPr lang="en-US"/>
              <a:t>10/10/2019</a:t>
            </a:fld>
            <a:endParaRPr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A4CBEF8-5CDE-472B-839B-B8BB0C881006}" type="slidenum">
              <a:rPr/>
              <a:t>‹#›</a:t>
            </a:fld>
            <a:endParaRPr dirty="0"/>
          </a:p>
        </p:txBody>
      </p:sp>
    </p:spTree>
    <p:extLst>
      <p:ext uri="{BB962C8B-B14F-4D97-AF65-F5344CB8AC3E}">
        <p14:creationId xmlns:p14="http://schemas.microsoft.com/office/powerpoint/2010/main" val="426328929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7853E5F-CE67-483C-A264-F17AC70E9CA2}" type="datetimeFigureOut">
              <a:rPr lang="en-US"/>
              <a:t>10/10/2019</a:t>
            </a:fld>
            <a:endParaRPr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t>Click to edit Master text styles</a:t>
            </a:r>
          </a:p>
          <a:p>
            <a:pPr lvl="1"/>
            <a:r>
              <a:t>Second level</a:t>
            </a:r>
          </a:p>
          <a:p>
            <a:pPr lvl="2"/>
            <a:r>
              <a:t>Third level</a:t>
            </a:r>
          </a:p>
          <a:p>
            <a:pPr lvl="3"/>
            <a:r>
              <a:t>Fourth level</a:t>
            </a:r>
          </a:p>
          <a:p>
            <a:pPr lvl="4"/>
            <a:r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BB98AFB-CB0D-4DFE-87B9-B4B0D0DE73CD}" type="slidenum">
              <a:rPr/>
              <a:t>‹#›</a:t>
            </a:fld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5128058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0DC3D3-DF20-4964-AE6F-90F6A22CD18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C8EE0B0-03C9-4A55-9C6A-2FAE4C819A0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B3167BD-6749-4FEC-B1CF-B1195E76A7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10/10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C47C397-9B76-452D-B059-7749E2F63B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E0704DD-271B-47BF-BE5A-5868503A3B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706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D109A5-9FD2-459B-974B-18479B550E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1EE127E-861D-4DB8-8F35-9956F19421C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E1B8E5-E63D-4F2B-83A7-4115FA27C0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10/10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0C033EF-EB82-4A7B-9B6F-EEAC5193A1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EE51081-08A5-4E04-B306-0175683307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391256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948210E-BE2D-4D2C-84BE-F3E7E5E7645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2628" y="365125"/>
            <a:ext cx="262821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67C51AF-C64D-4C22-9255-A2B986BB933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7982" y="365125"/>
            <a:ext cx="7732286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73B973-2BB8-4CE7-AB65-570C58CE89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10/10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8147B7-D207-4257-AA40-4CAACE4652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0D43A28-9B64-4B1B-BA62-ED3E48874A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962462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493EEE-5EA8-489F-BC60-5D7AC551D7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D9E5F6-8DBC-4D4F-92F7-EE8CCF779D8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73194B-6118-42AC-8891-A8030921C0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10/10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7F146C9-3773-4B36-8251-0E210A414C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FE596B-4D2E-41AA-AD8D-9A922B9636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66346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FD7009-8410-4FFE-8171-A44097FDC1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633" y="1709739"/>
            <a:ext cx="10512862" cy="2852737"/>
          </a:xfrm>
        </p:spPr>
        <p:txBody>
          <a:bodyPr anchor="b"/>
          <a:lstStyle>
            <a:lvl1pPr>
              <a:defRPr sz="5998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488DED1-ECC7-40CF-8259-3B4B95C92EA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633" y="4589464"/>
            <a:ext cx="10512862" cy="1500187"/>
          </a:xfrm>
        </p:spPr>
        <p:txBody>
          <a:bodyPr/>
          <a:lstStyle>
            <a:lvl1pPr marL="0" indent="0">
              <a:buNone/>
              <a:defRPr sz="2399">
                <a:solidFill>
                  <a:schemeClr val="tx1">
                    <a:tint val="75000"/>
                  </a:schemeClr>
                </a:solidFill>
              </a:defRPr>
            </a:lvl1pPr>
            <a:lvl2pPr marL="457063" indent="0">
              <a:buNone/>
              <a:defRPr sz="19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C0782A-80B6-4B65-B12F-AE11146234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10/10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0FBC24-7486-403E-99A5-8F7B4C4416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2C5CE37-6470-4B83-9C11-AF1ADE706C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739426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B68117-E001-4C0F-8ED7-6846928DC5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B33326-1902-43EF-995E-F6493E01753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7982" y="1825625"/>
            <a:ext cx="5180251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C5BD11B-FE5E-4180-876D-A7B5C9B4261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0592" y="1825625"/>
            <a:ext cx="5180251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74DA9A5-16C1-481D-95E5-698E70D1CB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10/10/2019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2E54729-82C1-4D5A-88AB-C755053528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389B35C-B5CB-426A-B351-242B221204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952075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638245-BAAB-4AA0-8A2B-CCF798FC5A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569" y="365126"/>
            <a:ext cx="10512862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298F13B-E7DC-4761-88F1-1F2E47BE00E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570" y="1681163"/>
            <a:ext cx="5156444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E5AD416-E6C7-40E7-8B1A-AEB3D0E2339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570" y="2505075"/>
            <a:ext cx="5156444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2ECA656-4512-4AB3-B7B0-9EB1BE13782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0593" y="1681163"/>
            <a:ext cx="5181838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C674FB5-CB11-42FC-A0A1-5AB75369AD0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0593" y="2505075"/>
            <a:ext cx="518183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F05D59D-F220-4AAF-B290-2E9AC0392D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10/10/2019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DCCCA8A-E528-4817-B25F-BD3DE8AA5B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87EEC37-46E0-4EB4-8D6F-161BBCE528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3621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B028EF-C6EB-4BED-88C7-04D096D665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4DD0774-8A95-4AA3-B8FA-119EEA000B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10/10/2019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F71FB9F-3CE3-4142-AE60-90A10DE405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938FE34-8CB7-496E-9185-540E8EBFE6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27289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319CB5A-4599-4D87-A3F7-F0DC7D8CA8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10/10/2019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BCB7ED1-854A-445B-B224-1A3948280C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46FAA57-5C82-4A67-84CF-A425D838F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76146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E7C774-DD25-4EC9-B8A8-97664756F1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570" y="457200"/>
            <a:ext cx="3931213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5588242-7945-4F5F-9073-15158338B05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1838" y="987426"/>
            <a:ext cx="6170593" cy="4873625"/>
          </a:xfrm>
        </p:spPr>
        <p:txBody>
          <a:bodyPr/>
          <a:lstStyle>
            <a:lvl1pPr>
              <a:defRPr sz="3199"/>
            </a:lvl1pPr>
            <a:lvl2pPr>
              <a:defRPr sz="2799"/>
            </a:lvl2pPr>
            <a:lvl3pPr>
              <a:defRPr sz="2399"/>
            </a:lvl3pPr>
            <a:lvl4pPr>
              <a:defRPr sz="1999"/>
            </a:lvl4pPr>
            <a:lvl5pPr>
              <a:defRPr sz="1999"/>
            </a:lvl5pPr>
            <a:lvl6pPr>
              <a:defRPr sz="1999"/>
            </a:lvl6pPr>
            <a:lvl7pPr>
              <a:defRPr sz="1999"/>
            </a:lvl7pPr>
            <a:lvl8pPr>
              <a:defRPr sz="1999"/>
            </a:lvl8pPr>
            <a:lvl9pPr>
              <a:defRPr sz="1999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473A6C3-CB1E-4208-B415-C3C9F263D9B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570" y="2057400"/>
            <a:ext cx="3931213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C1156EA-9F0C-40C8-B75C-80490C2603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FA9E5-6744-4841-888F-9E7CC0C2B7EC}" type="datetimeFigureOut">
              <a:rPr lang="en-US" smtClean="0"/>
              <a:t>10/10/2019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E982879-ADD7-449C-9299-604A49B813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2E5A595-C664-41E7-9137-AF73AB4D8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EAE4A8-A6E5-453E-B946-FB774B73F48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547770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BB75F8-A92C-45A4-A4E5-27691FB71A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570" y="457200"/>
            <a:ext cx="3931213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2FC527F-CBC0-4DE5-9069-054FA8EEB58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1838" y="987426"/>
            <a:ext cx="6170593" cy="4873625"/>
          </a:xfrm>
        </p:spPr>
        <p:txBody>
          <a:bodyPr/>
          <a:lstStyle>
            <a:lvl1pPr marL="0" indent="0">
              <a:buNone/>
              <a:defRPr sz="3199"/>
            </a:lvl1pPr>
            <a:lvl2pPr marL="457063" indent="0">
              <a:buNone/>
              <a:defRPr sz="2799"/>
            </a:lvl2pPr>
            <a:lvl3pPr marL="914126" indent="0">
              <a:buNone/>
              <a:defRPr sz="2399"/>
            </a:lvl3pPr>
            <a:lvl4pPr marL="1371189" indent="0">
              <a:buNone/>
              <a:defRPr sz="1999"/>
            </a:lvl4pPr>
            <a:lvl5pPr marL="1828251" indent="0">
              <a:buNone/>
              <a:defRPr sz="1999"/>
            </a:lvl5pPr>
            <a:lvl6pPr marL="2285314" indent="0">
              <a:buNone/>
              <a:defRPr sz="1999"/>
            </a:lvl6pPr>
            <a:lvl7pPr marL="2742377" indent="0">
              <a:buNone/>
              <a:defRPr sz="1999"/>
            </a:lvl7pPr>
            <a:lvl8pPr marL="3199440" indent="0">
              <a:buNone/>
              <a:defRPr sz="1999"/>
            </a:lvl8pPr>
            <a:lvl9pPr marL="3656503" indent="0">
              <a:buNone/>
              <a:defRPr sz="1999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E36F52C-97E4-4291-9C78-9C832CBD423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570" y="2057400"/>
            <a:ext cx="3931213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7DEC720-B776-4BF9-8F55-1F3429C1E2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4D0DB8-3820-4C33-BED9-7B5CA8E4467B}" type="datetimeFigureOut">
              <a:rPr lang="en-US" smtClean="0"/>
              <a:t>10/10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5A57055-11CD-4571-84A3-780497FDBC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B0243A2-CAF3-4279-9689-B5DF5732AA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625170-036A-4A59-9F25-37965628F9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85147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F6FDEE9-70ED-46EF-8422-FA139EEDD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2" y="365126"/>
            <a:ext cx="10512862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AB34F38-002D-4751-B061-0F30B0F577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7982" y="1825625"/>
            <a:ext cx="10512862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1FE2635-744A-4C40-9E7C-0BDEFC196DD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7982" y="6356351"/>
            <a:ext cx="274248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E0FA9E5-6744-4841-888F-9E7CC0C2B7EC}" type="datetimeFigureOut">
              <a:rPr lang="en-US" smtClean="0"/>
              <a:pPr/>
              <a:t>10/10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51A1D8-B40F-4F07-ADC5-3665213382C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7549" y="6356351"/>
            <a:ext cx="411372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F6C891B-D472-45E1-8C70-FAC7346FA2C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08357" y="6356351"/>
            <a:ext cx="274248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AEAE4A8-A6E5-453E-B946-FB774B73F48C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201085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914126" rtl="0" eaLnBrk="1" latinLnBrk="0" hangingPunct="1">
        <a:lnSpc>
          <a:spcPct val="90000"/>
        </a:lnSpc>
        <a:spcBef>
          <a:spcPct val="0"/>
        </a:spcBef>
        <a:buNone/>
        <a:defRPr sz="4399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31" indent="-228531" algn="l" defTabSz="914126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799" kern="1200">
          <a:solidFill>
            <a:schemeClr val="tx1"/>
          </a:solidFill>
          <a:latin typeface="+mn-lt"/>
          <a:ea typeface="+mn-ea"/>
          <a:cs typeface="+mn-cs"/>
        </a:defRPr>
      </a:lvl1pPr>
      <a:lvl2pPr marL="685594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142657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999" kern="1200">
          <a:solidFill>
            <a:schemeClr val="tx1"/>
          </a:solidFill>
          <a:latin typeface="+mn-lt"/>
          <a:ea typeface="+mn-ea"/>
          <a:cs typeface="+mn-cs"/>
        </a:defRPr>
      </a:lvl3pPr>
      <a:lvl4pPr marL="1599720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2056783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513846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970908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427971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885034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914126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3pPr>
      <a:lvl4pPr marL="1371189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1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285314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742377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19944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65650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839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journals.elsevier.com/artificial-intelligence/call-for-papers/special-issue-on-explainable-artificial-intelligence" TargetMode="External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image" Target="../media/image15.emf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hyperlink" Target="https://www.journals.elsevier.com/artificial-intelligence/call-for-papers/special-issue-on-explainable-artificial-intelligence" TargetMode="Externa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microsoft.com/office/2011/relationships/webextension" Target="../webextensions/webextension1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microsoft.com/office/2011/relationships/webextension" Target="../webextensions/webextension2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2A8AA5BC-4F7A-4226-8F99-6D824B226A9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-3324"/>
            <a:ext cx="12188825" cy="6861324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Rectangle 9">
            <a:extLst>
              <a:ext uri="{FF2B5EF4-FFF2-40B4-BE49-F238E27FC236}">
                <a16:creationId xmlns:a16="http://schemas.microsoft.com/office/drawing/2014/main" id="{3E5445C6-DD42-4979-86FF-03730E8C6D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21650" y="321733"/>
            <a:ext cx="11570474" cy="6214534"/>
          </a:xfrm>
          <a:prstGeom prst="rect">
            <a:avLst/>
          </a:prstGeom>
          <a:solidFill>
            <a:schemeClr val="bg1">
              <a:lumMod val="75000"/>
              <a:lumOff val="25000"/>
            </a:schemeClr>
          </a:solidFill>
          <a:ln w="127000" cap="sq" cmpd="thinThick">
            <a:solidFill>
              <a:schemeClr val="bg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B843B1-8781-48D9-A206-BA81A9A32EC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2"/>
            <a:ext cx="9141618" cy="2840037"/>
          </a:xfrm>
        </p:spPr>
        <p:txBody>
          <a:bodyPr>
            <a:normAutofit/>
          </a:bodyPr>
          <a:lstStyle/>
          <a:p>
            <a:r>
              <a:rPr lang="en-US" sz="5700"/>
              <a:t>SHAPELY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7445F66-A4E6-43E8-B24A-70E48B8BE37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4256436"/>
            <a:ext cx="9141618" cy="1600818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accent1"/>
                </a:solidFill>
              </a:rPr>
              <a:t>Interpretable ML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45000665-DFC7-417E-8FD7-516A0F15C9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723169" y="4109417"/>
            <a:ext cx="2742486" cy="0"/>
          </a:xfrm>
          <a:prstGeom prst="line">
            <a:avLst/>
          </a:prstGeom>
          <a:ln w="12700">
            <a:solidFill>
              <a:schemeClr val="tx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0565132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11A4AF-46DD-4516-A84A-CC99499AC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760" y="629266"/>
            <a:ext cx="3504582" cy="1622321"/>
          </a:xfrm>
        </p:spPr>
        <p:txBody>
          <a:bodyPr>
            <a:normAutofit/>
          </a:bodyPr>
          <a:lstStyle/>
          <a:p>
            <a:r>
              <a:rPr lang="en-US" sz="3700"/>
              <a:t>Experiment (smart labelling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907B05B-4A29-42BE-8D4F-3D02B97AE85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8762" y="2438400"/>
            <a:ext cx="3504581" cy="3785419"/>
          </a:xfrm>
        </p:spPr>
        <p:txBody>
          <a:bodyPr>
            <a:normAutofit/>
          </a:bodyPr>
          <a:lstStyle/>
          <a:p>
            <a:r>
              <a:rPr lang="en-US" sz="2000" dirty="0"/>
              <a:t>Hypothesis:  Data points in same cluster contain same words, hence label is the same</a:t>
            </a:r>
          </a:p>
          <a:p>
            <a:r>
              <a:rPr lang="en-US" sz="2000" dirty="0"/>
              <a:t>Propagate label of center of cluster to all other cluster points</a:t>
            </a:r>
          </a:p>
          <a:p>
            <a:r>
              <a:rPr lang="en-US" sz="2000" dirty="0"/>
              <a:t>Test what happens to accuracy</a:t>
            </a:r>
          </a:p>
        </p:txBody>
      </p:sp>
      <p:sp>
        <p:nvSpPr>
          <p:cNvPr id="73" name="Rectangle 72">
            <a:extLst>
              <a:ext uri="{FF2B5EF4-FFF2-40B4-BE49-F238E27FC236}">
                <a16:creationId xmlns:a16="http://schemas.microsoft.com/office/drawing/2014/main" id="{5E39A796-BE83-48B1-B33F-35C4A32AAB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637847" y="0"/>
            <a:ext cx="7550978" cy="6858000"/>
          </a:xfrm>
          <a:prstGeom prst="rect">
            <a:avLst/>
          </a:prstGeom>
          <a:solidFill>
            <a:srgbClr val="C8CA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Rounded Rectangle 9">
            <a:extLst>
              <a:ext uri="{FF2B5EF4-FFF2-40B4-BE49-F238E27FC236}">
                <a16:creationId xmlns:a16="http://schemas.microsoft.com/office/drawing/2014/main" id="{72F84B47-E267-4194-8194-831DB7B554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122353" y="484632"/>
            <a:ext cx="6582384" cy="5739187"/>
          </a:xfrm>
          <a:prstGeom prst="roundRect">
            <a:avLst>
              <a:gd name="adj" fmla="val 0"/>
            </a:avLst>
          </a:prstGeom>
          <a:solidFill>
            <a:srgbClr val="FFFFFF"/>
          </a:solidFill>
          <a:ln w="9525">
            <a:solidFill>
              <a:srgbClr val="C8CACA"/>
            </a:solidFill>
          </a:ln>
          <a:effectLst>
            <a:outerShdw blurRad="57150" dist="19050" dir="5400000" algn="t" rotWithShape="0">
              <a:prstClr val="black">
                <a:alpha val="6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126" name="Picture 6" descr="Image result for k means clustering">
            <a:extLst>
              <a:ext uri="{FF2B5EF4-FFF2-40B4-BE49-F238E27FC236}">
                <a16:creationId xmlns:a16="http://schemas.microsoft.com/office/drawing/2014/main" id="{E2AE82FB-300E-4B90-81CA-E083604B119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89612" y="838200"/>
            <a:ext cx="4723171" cy="4648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918607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4035958-3554-4F6D-AFB7-F6752747E0B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7982" y="1825625"/>
            <a:ext cx="10057030" cy="4351338"/>
          </a:xfrm>
        </p:spPr>
        <p:txBody>
          <a:bodyPr/>
          <a:lstStyle/>
          <a:p>
            <a:r>
              <a:rPr lang="en-US" dirty="0"/>
              <a:t>Accuracy and F1-score is not affected due to the propagation (which means data points of same class clustered together)</a:t>
            </a:r>
          </a:p>
          <a:p>
            <a:r>
              <a:rPr lang="en-US" dirty="0"/>
              <a:t>Accelerated labelling with similar level of accuracy!</a:t>
            </a:r>
          </a:p>
          <a:p>
            <a:pPr marL="0" indent="0">
              <a:buNone/>
            </a:pPr>
            <a:endParaRPr lang="en-US" dirty="0"/>
          </a:p>
        </p:txBody>
      </p:sp>
      <p:graphicFrame>
        <p:nvGraphicFramePr>
          <p:cNvPr id="8" name="Content Placeholder 7"/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609117368"/>
              </p:ext>
            </p:extLst>
          </p:nvPr>
        </p:nvGraphicFramePr>
        <p:xfrm>
          <a:off x="3275012" y="3632518"/>
          <a:ext cx="5180013" cy="23999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72667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72667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726671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49530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111373" marR="111373"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Actual labelling(80% labelled)</a:t>
                      </a:r>
                    </a:p>
                  </a:txBody>
                  <a:tcPr marL="111373" marR="111373"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mart labelling</a:t>
                      </a:r>
                    </a:p>
                    <a:p>
                      <a:pPr algn="ctr"/>
                      <a:r>
                        <a:rPr lang="en-US" dirty="0"/>
                        <a:t>(20% + 20 </a:t>
                      </a:r>
                    </a:p>
                    <a:p>
                      <a:pPr algn="ctr"/>
                      <a:r>
                        <a:rPr lang="en-US" dirty="0"/>
                        <a:t>Cluster center )</a:t>
                      </a:r>
                    </a:p>
                  </a:txBody>
                  <a:tcPr marL="111373" marR="111373"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95300">
                <a:tc>
                  <a:txBody>
                    <a:bodyPr/>
                    <a:lstStyle/>
                    <a:p>
                      <a:r>
                        <a:rPr lang="en-US" dirty="0"/>
                        <a:t>Accuracy</a:t>
                      </a:r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0.952</a:t>
                      </a:r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0.946</a:t>
                      </a:r>
                    </a:p>
                  </a:txBody>
                  <a:tcPr marL="111373" marR="111373"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95300">
                <a:tc>
                  <a:txBody>
                    <a:bodyPr/>
                    <a:lstStyle/>
                    <a:p>
                      <a:r>
                        <a:rPr lang="en-US" dirty="0"/>
                        <a:t>F1 score</a:t>
                      </a:r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0.91</a:t>
                      </a:r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0.903</a:t>
                      </a:r>
                    </a:p>
                  </a:txBody>
                  <a:tcPr marL="111373" marR="111373"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9530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marL="111373" marR="111373" anchor="ctr"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marL="111373" marR="111373"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5222676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E09765-01B5-4A97-855C-9E5BE9E2BD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x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6C605E3-2D1B-46D6-8186-16E8017010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912812" y="1447800"/>
            <a:ext cx="9753600" cy="3952875"/>
          </a:xfrm>
        </p:spPr>
        <p:txBody>
          <a:bodyPr>
            <a:normAutofit lnSpcReduction="10000"/>
          </a:bodyPr>
          <a:lstStyle/>
          <a:p>
            <a:r>
              <a:rPr lang="en-US" dirty="0"/>
              <a:t>How to measure the speed up in labelling?</a:t>
            </a:r>
          </a:p>
          <a:p>
            <a:pPr lvl="1"/>
            <a:r>
              <a:rPr lang="en-US" dirty="0"/>
              <a:t>Develop tool with options for smart labelling (labelling entire cluster in one go) and conventional labelling</a:t>
            </a:r>
          </a:p>
          <a:p>
            <a:pPr lvl="1"/>
            <a:r>
              <a:rPr lang="en-US" dirty="0"/>
              <a:t>Design an experiment to measure the time saved by SHAP accelerated labelling vs conventional labelling</a:t>
            </a:r>
          </a:p>
          <a:p>
            <a:r>
              <a:rPr lang="en-US" dirty="0"/>
              <a:t>Can we improve the accuracy even further?</a:t>
            </a:r>
          </a:p>
          <a:p>
            <a:pPr lvl="1"/>
            <a:r>
              <a:rPr lang="en-US" dirty="0"/>
              <a:t>Feedback : Some experts can provide feedback on which data points wrongly grouped into the cluster</a:t>
            </a:r>
          </a:p>
          <a:p>
            <a:pPr lvl="1"/>
            <a:r>
              <a:rPr lang="en-US" dirty="0"/>
              <a:t>Model: Neural nets instead of SVC or logistic regression ( we need to train only once at the beginning and at the end – doesn’t affect user experience)</a:t>
            </a:r>
          </a:p>
          <a:p>
            <a:pPr marL="457063" lvl="1" indent="0">
              <a:buNone/>
            </a:pPr>
            <a:endParaRPr lang="en-US" dirty="0"/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21445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559AE206-7EBA-4D33-8BC9-9D8158553F0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825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814" y="4525347"/>
            <a:ext cx="7486716" cy="1737360"/>
          </a:xfrm>
        </p:spPr>
        <p:txBody>
          <a:bodyPr anchor="ctr">
            <a:normAutofit fontScale="90000"/>
          </a:bodyPr>
          <a:lstStyle/>
          <a:p>
            <a:r>
              <a:rPr lang="en-US" dirty="0"/>
              <a:t>Case study report:</a:t>
            </a:r>
            <a:br>
              <a:rPr lang="en-US" dirty="0"/>
            </a:br>
            <a:r>
              <a:rPr lang="en-US" dirty="0"/>
              <a:t> Measure the effect of model interpretability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959184" y="4525347"/>
            <a:ext cx="3257827" cy="1737360"/>
          </a:xfrm>
        </p:spPr>
        <p:txBody>
          <a:bodyPr anchor="ctr">
            <a:normAutofit fontScale="70000" lnSpcReduction="20000"/>
          </a:bodyPr>
          <a:lstStyle/>
          <a:p>
            <a:pPr algn="l"/>
            <a:r>
              <a:rPr lang="en-US" b="1" dirty="0"/>
              <a:t>Long term proposal </a:t>
            </a:r>
          </a:p>
          <a:p>
            <a:pPr algn="l"/>
            <a:r>
              <a:rPr lang="en-US" b="1" dirty="0"/>
              <a:t>(Oct 2019 – March 2020)</a:t>
            </a:r>
          </a:p>
          <a:p>
            <a:pPr algn="l"/>
            <a:r>
              <a:rPr lang="en-US" dirty="0">
                <a:hlinkClick r:id="rId2"/>
              </a:rPr>
              <a:t>https://www.journals.elsevier.com/artificial-intelligence/call-for-papers/special-issue-on-explainable-artificial-intelligence</a:t>
            </a:r>
            <a:endParaRPr lang="en-US" b="1" dirty="0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6437D937-A7F1-4011-92B4-328E5BE1B16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88413" y="620480"/>
            <a:ext cx="2243216" cy="2243796"/>
          </a:xfrm>
          <a:prstGeom prst="ellipse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B672F332-AF08-46C6-94F0-77684310D7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394116" y="2466604"/>
            <a:ext cx="962145" cy="962395"/>
          </a:xfrm>
          <a:prstGeom prst="ellipse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34244EF8-D73A-40E1-BE73-D46E6B4B04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124494" y="2327988"/>
            <a:ext cx="293618" cy="293695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AB84D7E8-4ECB-42D7-ADBF-01689B0F24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490422" y="0"/>
            <a:ext cx="5698403" cy="4059244"/>
          </a:xfrm>
          <a:custGeom>
            <a:avLst/>
            <a:gdLst>
              <a:gd name="connsiteX0" fmla="*/ 0 w 5699887"/>
              <a:gd name="connsiteY0" fmla="*/ 0 h 4059244"/>
              <a:gd name="connsiteX1" fmla="*/ 5699887 w 5699887"/>
              <a:gd name="connsiteY1" fmla="*/ 0 h 4059244"/>
              <a:gd name="connsiteX2" fmla="*/ 5699887 w 5699887"/>
              <a:gd name="connsiteY2" fmla="*/ 3944096 h 4059244"/>
              <a:gd name="connsiteX3" fmla="*/ 5525775 w 5699887"/>
              <a:gd name="connsiteY3" fmla="*/ 3980429 h 4059244"/>
              <a:gd name="connsiteX4" fmla="*/ 4663256 w 5699887"/>
              <a:gd name="connsiteY4" fmla="*/ 4059244 h 4059244"/>
              <a:gd name="connsiteX5" fmla="*/ 8566 w 5699887"/>
              <a:gd name="connsiteY5" fmla="*/ 67422 h 405924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699887" h="4059244">
                <a:moveTo>
                  <a:pt x="0" y="0"/>
                </a:moveTo>
                <a:lnTo>
                  <a:pt x="5699887" y="0"/>
                </a:lnTo>
                <a:lnTo>
                  <a:pt x="5699887" y="3944096"/>
                </a:lnTo>
                <a:lnTo>
                  <a:pt x="5525775" y="3980429"/>
                </a:lnTo>
                <a:cubicBezTo>
                  <a:pt x="5246154" y="4032190"/>
                  <a:pt x="4957865" y="4059244"/>
                  <a:pt x="4663256" y="4059244"/>
                </a:cubicBezTo>
                <a:cubicBezTo>
                  <a:pt x="2306390" y="4059244"/>
                  <a:pt x="353936" y="2327747"/>
                  <a:pt x="8566" y="67422"/>
                </a:cubicBezTo>
                <a:close/>
              </a:path>
            </a:pathLst>
          </a:custGeom>
          <a:solidFill>
            <a:srgbClr val="59595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9E8E38ED-369A-44C2-B635-0BED0E48A6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7798360" y="4525347"/>
            <a:ext cx="0" cy="1737360"/>
          </a:xfrm>
          <a:prstGeom prst="line">
            <a:avLst/>
          </a:prstGeom>
          <a:ln w="19050" cap="sq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266659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66FB46-4881-41B9-8DBD-0EDF04E2B8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1" y="365125"/>
            <a:ext cx="10512862" cy="1325563"/>
          </a:xfrm>
        </p:spPr>
        <p:txBody>
          <a:bodyPr>
            <a:normAutofit/>
          </a:bodyPr>
          <a:lstStyle/>
          <a:p>
            <a:r>
              <a:rPr lang="en-US" dirty="0"/>
              <a:t>Interpretability</a:t>
            </a:r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675F52E7-5AC9-4F20-B0AA-9618EBE4CD3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91701988"/>
              </p:ext>
            </p:extLst>
          </p:nvPr>
        </p:nvGraphicFramePr>
        <p:xfrm>
          <a:off x="837981" y="1825625"/>
          <a:ext cx="10512862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73548021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C1E007-E1FD-458D-A226-C0498EF379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23603" y="5257800"/>
            <a:ext cx="9141618" cy="1099845"/>
          </a:xfrm>
        </p:spPr>
        <p:txBody>
          <a:bodyPr vert="horz" lIns="91440" tIns="45720" rIns="91440" bIns="45720" rtlCol="0" anchor="b">
            <a:normAutofit fontScale="90000"/>
          </a:bodyPr>
          <a:lstStyle/>
          <a:p>
            <a:pPr algn="ctr" defTabSz="914400"/>
            <a:br>
              <a:rPr lang="en-US" sz="4700" dirty="0"/>
            </a:br>
            <a:r>
              <a:rPr lang="en-US" sz="4700" dirty="0"/>
              <a:t>Literature survey:</a:t>
            </a:r>
            <a:br>
              <a:rPr lang="en-US" sz="4700" dirty="0"/>
            </a:br>
            <a:r>
              <a:rPr lang="en-US" sz="4700" dirty="0"/>
              <a:t>Apartment price prediction : </a:t>
            </a:r>
            <a:r>
              <a:rPr lang="en-US" sz="4700" dirty="0">
                <a:solidFill>
                  <a:srgbClr val="FF0000"/>
                </a:solidFill>
              </a:rPr>
              <a:t>weights LR</a:t>
            </a:r>
            <a:br>
              <a:rPr lang="en-US" sz="4700" dirty="0">
                <a:solidFill>
                  <a:srgbClr val="FF0000"/>
                </a:solidFill>
              </a:rPr>
            </a:br>
            <a:r>
              <a:rPr lang="en-US" sz="4700" b="1" dirty="0">
                <a:solidFill>
                  <a:schemeClr val="accent6"/>
                </a:solidFill>
              </a:rPr>
              <a:t>Industrial use </a:t>
            </a:r>
            <a:r>
              <a:rPr lang="en-US" sz="4700" b="1" err="1">
                <a:solidFill>
                  <a:schemeClr val="accent6"/>
                </a:solidFill>
              </a:rPr>
              <a:t>case</a:t>
            </a:r>
            <a:r>
              <a:rPr lang="en-US" sz="4700" b="1">
                <a:solidFill>
                  <a:schemeClr val="accent6"/>
                </a:solidFill>
              </a:rPr>
              <a:t>: Shapely</a:t>
            </a:r>
            <a:endParaRPr lang="en-US" sz="4700" b="1" dirty="0">
              <a:solidFill>
                <a:schemeClr val="accent6"/>
              </a:solidFill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AE885FA-583E-488C-A3B2-2647B84A81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825" cy="4572000"/>
          </a:xfrm>
          <a:prstGeom prst="rect">
            <a:avLst/>
          </a:prstGeom>
          <a:solidFill>
            <a:srgbClr val="C8CA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ounded Rectangle 26">
            <a:extLst>
              <a:ext uri="{FF2B5EF4-FFF2-40B4-BE49-F238E27FC236}">
                <a16:creationId xmlns:a16="http://schemas.microsoft.com/office/drawing/2014/main" id="{87B1CEC7-C2CE-4440-A0F7-0BE6B3AADB7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21480" y="320843"/>
            <a:ext cx="5612107" cy="3930315"/>
          </a:xfrm>
          <a:prstGeom prst="roundRect">
            <a:avLst>
              <a:gd name="adj" fmla="val 0"/>
            </a:avLst>
          </a:prstGeom>
          <a:solidFill>
            <a:srgbClr val="FFFFFF"/>
          </a:solidFill>
          <a:ln w="9525">
            <a:solidFill>
              <a:srgbClr val="C8CACA"/>
            </a:solidFill>
          </a:ln>
          <a:effectLst>
            <a:outerShdw blurRad="57150" dist="19050" dir="5400000" algn="t" rotWithShape="0">
              <a:prstClr val="black">
                <a:alpha val="6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FEA5F73-A3E3-4C19-9039-32A82822AB0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1013" y="761935"/>
            <a:ext cx="4973040" cy="3048130"/>
          </a:xfrm>
          <a:prstGeom prst="rect">
            <a:avLst/>
          </a:prstGeom>
        </p:spPr>
      </p:pic>
      <p:sp>
        <p:nvSpPr>
          <p:cNvPr id="14" name="Rounded Rectangle 16">
            <a:extLst>
              <a:ext uri="{FF2B5EF4-FFF2-40B4-BE49-F238E27FC236}">
                <a16:creationId xmlns:a16="http://schemas.microsoft.com/office/drawing/2014/main" id="{7B0DBF0B-D7C2-4F15-94AE-31525582459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253120" y="320843"/>
            <a:ext cx="5612107" cy="3930315"/>
          </a:xfrm>
          <a:prstGeom prst="roundRect">
            <a:avLst>
              <a:gd name="adj" fmla="val 0"/>
            </a:avLst>
          </a:prstGeom>
          <a:solidFill>
            <a:srgbClr val="FFFFFF"/>
          </a:solidFill>
          <a:ln w="9525">
            <a:solidFill>
              <a:srgbClr val="C8CACA"/>
            </a:solidFill>
          </a:ln>
          <a:effectLst>
            <a:outerShdw blurRad="57150" dist="19050" dir="5400000" algn="t" rotWithShape="0">
              <a:prstClr val="black">
                <a:alpha val="6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2E76683-8BBE-452A-BC6D-1EA33BCE788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72652" y="764078"/>
            <a:ext cx="4973041" cy="3043844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D7C4C037-358C-425B-A5A0-DD0CDC9CC035}"/>
              </a:ext>
            </a:extLst>
          </p:cNvPr>
          <p:cNvSpPr txBox="1"/>
          <p:nvPr/>
        </p:nvSpPr>
        <p:spPr>
          <a:xfrm>
            <a:off x="2284412" y="3881825"/>
            <a:ext cx="1447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WHITE BOX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1D148D0-361C-4D90-8F39-96FCB7CF5FF5}"/>
              </a:ext>
            </a:extLst>
          </p:cNvPr>
          <p:cNvSpPr txBox="1"/>
          <p:nvPr/>
        </p:nvSpPr>
        <p:spPr>
          <a:xfrm>
            <a:off x="8075612" y="3783677"/>
            <a:ext cx="1447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BLACK BOX</a:t>
            </a:r>
          </a:p>
        </p:txBody>
      </p:sp>
    </p:spTree>
    <p:extLst>
      <p:ext uri="{BB962C8B-B14F-4D97-AF65-F5344CB8AC3E}">
        <p14:creationId xmlns:p14="http://schemas.microsoft.com/office/powerpoint/2010/main" val="28667881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20AA36-414F-4944-BC45-19B858BD9D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can we measure?</a:t>
            </a:r>
            <a:endParaRPr lang="en-US" dirty="0">
              <a:solidFill>
                <a:schemeClr val="accent1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AB8BE8-54B0-487C-BBA0-7D17020A10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8012" y="1905000"/>
            <a:ext cx="10512862" cy="4351338"/>
          </a:xfrm>
        </p:spPr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5F43CAC-1D2B-4682-9EF6-681F65D4367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3199" y="1524000"/>
            <a:ext cx="11782425" cy="3724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65172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20AA36-414F-4944-BC45-19B858BD9D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2" y="365126"/>
            <a:ext cx="10512862" cy="1325563"/>
          </a:xfrm>
        </p:spPr>
        <p:txBody>
          <a:bodyPr/>
          <a:lstStyle/>
          <a:p>
            <a:r>
              <a:rPr lang="en-US"/>
              <a:t>What can we measure?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AB8BE8-54B0-487C-BBA0-7D17020A10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8012" y="1905000"/>
            <a:ext cx="10512862" cy="4351338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1. Does the expert trust  the model more with white box?</a:t>
            </a:r>
          </a:p>
          <a:p>
            <a:pPr marL="457063" lvl="1" indent="0">
              <a:buNone/>
            </a:pPr>
            <a:r>
              <a:rPr lang="en-US" dirty="0"/>
              <a:t>Trust =  Expert’s final decision – Model prediction</a:t>
            </a:r>
          </a:p>
          <a:p>
            <a:pPr marL="0" indent="0">
              <a:buNone/>
            </a:pPr>
            <a:r>
              <a:rPr lang="en-US" dirty="0"/>
              <a:t>2. Does the white box model help the expert to detect failures better?</a:t>
            </a:r>
          </a:p>
          <a:p>
            <a:pPr marL="457063" lvl="1" indent="0">
              <a:buNone/>
            </a:pPr>
            <a:r>
              <a:rPr lang="en-US" dirty="0"/>
              <a:t>Prediction error = Actual apartment price – Experts final decision</a:t>
            </a:r>
          </a:p>
          <a:p>
            <a:pPr marL="0" indent="0">
              <a:buNone/>
            </a:pPr>
            <a:r>
              <a:rPr lang="en-US" dirty="0"/>
              <a:t>3. Does the white box model help in detecting bias?</a:t>
            </a:r>
          </a:p>
          <a:p>
            <a:pPr marL="457063" lvl="1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40269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3A88C0DE-0167-4010-B379-DECD67A906F3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69947" y="3479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9C1CF318-C6A8-487C-872E-DC44CBAB827C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cxnSp>
        <p:nvCxnSpPr>
          <p:cNvPr id="29" name="OTLSHAPE_T_1a7f452719ed4a6db6a29eb3166a353f_LeftVerticalConnector1">
            <a:extLst>
              <a:ext uri="{FF2B5EF4-FFF2-40B4-BE49-F238E27FC236}">
                <a16:creationId xmlns:a16="http://schemas.microsoft.com/office/drawing/2014/main" id="{04754E64-AC7E-45E3-9A58-2D7F5C0C763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11673" y="2126573"/>
            <a:ext cx="0" cy="1302427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1a7f452719ed4a6db6a29eb3166a353f_RightVerticalConnector1">
            <a:extLst>
              <a:ext uri="{FF2B5EF4-FFF2-40B4-BE49-F238E27FC236}">
                <a16:creationId xmlns:a16="http://schemas.microsoft.com/office/drawing/2014/main" id="{707DFD20-9329-4CC3-864C-1312EC1D72FE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283583" y="2382351"/>
            <a:ext cx="0" cy="104664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72b19200712240daa9c2ab22ab582cb2_LeftVerticalConnector1">
            <a:extLst>
              <a:ext uri="{FF2B5EF4-FFF2-40B4-BE49-F238E27FC236}">
                <a16:creationId xmlns:a16="http://schemas.microsoft.com/office/drawing/2014/main" id="{3754487F-D10A-49F0-BB56-B86F97048FE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664486" y="2382351"/>
            <a:ext cx="0" cy="104664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72b19200712240daa9c2ab22ab582cb2_RightVerticalConnector1">
            <a:extLst>
              <a:ext uri="{FF2B5EF4-FFF2-40B4-BE49-F238E27FC236}">
                <a16:creationId xmlns:a16="http://schemas.microsoft.com/office/drawing/2014/main" id="{35D96F6A-C0DF-49A4-BCA1-AB8BAB3C583B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670360" y="2126573"/>
            <a:ext cx="0" cy="4906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72b19200712240daa9c2ab22ab582cb2_RightVerticalConnector2">
            <a:extLst>
              <a:ext uri="{FF2B5EF4-FFF2-40B4-BE49-F238E27FC236}">
                <a16:creationId xmlns:a16="http://schemas.microsoft.com/office/drawing/2014/main" id="{33E696DD-A633-4053-AC59-A96164E5108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670360" y="2787734"/>
            <a:ext cx="0" cy="641266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ab67ea51e56f4011865e996aa0bc488a_LeftVerticalConnector1">
            <a:extLst>
              <a:ext uri="{FF2B5EF4-FFF2-40B4-BE49-F238E27FC236}">
                <a16:creationId xmlns:a16="http://schemas.microsoft.com/office/drawing/2014/main" id="{104622B1-8515-4E7B-B0C0-3FE4B0D0A54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670730" y="2702475"/>
            <a:ext cx="0" cy="7265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ab67ea51e56f4011865e996aa0bc488a_RightVerticalConnector1">
            <a:extLst>
              <a:ext uri="{FF2B5EF4-FFF2-40B4-BE49-F238E27FC236}">
                <a16:creationId xmlns:a16="http://schemas.microsoft.com/office/drawing/2014/main" id="{EA4D2692-9C70-4A80-A2F3-09E51B01C0C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783867" y="2702475"/>
            <a:ext cx="0" cy="1651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ab67ea51e56f4011865e996aa0bc488a_RightVerticalConnector2">
            <a:extLst>
              <a:ext uri="{FF2B5EF4-FFF2-40B4-BE49-F238E27FC236}">
                <a16:creationId xmlns:a16="http://schemas.microsoft.com/office/drawing/2014/main" id="{82A50D76-82D0-4F45-A546-A44A79A78AD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783867" y="322580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b65a2bbfbde949238b0df884a64c9c40_LeftVerticalConnector1">
            <a:extLst>
              <a:ext uri="{FF2B5EF4-FFF2-40B4-BE49-F238E27FC236}">
                <a16:creationId xmlns:a16="http://schemas.microsoft.com/office/drawing/2014/main" id="{0620E53B-E847-47EC-B8E8-A47DF2CBD3B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717876" y="3124200"/>
            <a:ext cx="0" cy="3048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b65a2bbfbde949238b0df884a64c9c40_RightVerticalConnector1">
            <a:extLst>
              <a:ext uri="{FF2B5EF4-FFF2-40B4-BE49-F238E27FC236}">
                <a16:creationId xmlns:a16="http://schemas.microsoft.com/office/drawing/2014/main" id="{42180232-DAA4-4A2D-A007-B2F437D839B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698940" y="3124200"/>
            <a:ext cx="0" cy="3048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5A0654E-806C-4835-ABB4-F9BECE27E57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60412" y="3429000"/>
            <a:ext cx="105029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BC29081-D395-4D99-8BC8-8AE8F181E1A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60412" y="3429000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9EBD328E-5237-41AF-B3F7-355B225DD6F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79473" y="3810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86E0A3F4-7F3C-4C5B-BC6E-421985AA0D2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053773" y="3937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27E0873-D34B-4981-9845-585CBDFE5C23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89012" y="35264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348EBAD2-C72C-440B-A5DD-4B8FC7683A04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913530" y="3526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1FDA939C-EE61-4DD6-8EF8-04D68A4DA3D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2838048" y="3526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664EBBFF-48DF-4C1B-9E98-CD3F3EF53327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762566" y="3526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5E2F377-3ADD-4BBA-B154-E0E2FFD47B3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687083" y="3526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06ABF8ED-BEA1-4533-B0B3-97093E2F7B6F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5611601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458D759C-E79E-4ADA-9DEA-135AD491DC0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536119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7219CFBB-1FA2-44C2-AA61-01B1B1A0D3B7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7460637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DE7966A8-D9A2-46DC-AC5A-6E5717EC0AEF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8385154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F8C2B03B-C3A4-4DD0-8DDD-9A46A6E50B13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309672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FE37DE2-AF93-40D7-961B-B9F9E46806C2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0234190" y="3526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D1E4BB5F-ED35-468B-9F8C-1C6D9F75E7D1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850029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6110C686-28E7-458B-96B6-D475BAF9B05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774547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2C511B28-8FB7-4456-AEB1-2450C9E43CC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699065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9E8F789-E877-43AD-BC64-913CD3AC9363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623583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F3556FEF-59ED-4116-B59B-FA77CEC1482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548100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B5B253D7-497D-48C2-90AF-8EBB7102D5B8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472618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544E2833-2012-403E-8BA9-C44541389231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397136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84FFC321-AE52-4F9D-9A11-43E69C502BF3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321653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F72DE7F7-486F-41CC-8ED3-5232C34ADDC7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246171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1E2B543-5F2A-4DE0-B0F0-6748EBE72DC5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170689" y="34925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T_1a7f452719ed4a6db6a29eb3166a353f_Shape">
            <a:extLst>
              <a:ext uri="{FF2B5EF4-FFF2-40B4-BE49-F238E27FC236}">
                <a16:creationId xmlns:a16="http://schemas.microsoft.com/office/drawing/2014/main" id="{F3A1566E-F161-4DA6-98E4-EC9282D41C5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11673" y="1870795"/>
            <a:ext cx="2082800" cy="511556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72b19200712240daa9c2ab22ab582cb2_Shape">
            <a:extLst>
              <a:ext uri="{FF2B5EF4-FFF2-40B4-BE49-F238E27FC236}">
                <a16:creationId xmlns:a16="http://schemas.microsoft.com/office/drawing/2014/main" id="{0B56AE7B-7654-4DF3-87CE-1A952859C38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664486" y="1870795"/>
            <a:ext cx="2006600" cy="511556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ab67ea51e56f4011865e996aa0bc488a_Shape">
            <a:extLst>
              <a:ext uri="{FF2B5EF4-FFF2-40B4-BE49-F238E27FC236}">
                <a16:creationId xmlns:a16="http://schemas.microsoft.com/office/drawing/2014/main" id="{07493F67-CEF1-448A-B4FD-8AB80448021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70730" y="2600875"/>
            <a:ext cx="21209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b65a2bbfbde949238b0df884a64c9c40_Shape">
            <a:extLst>
              <a:ext uri="{FF2B5EF4-FFF2-40B4-BE49-F238E27FC236}">
                <a16:creationId xmlns:a16="http://schemas.microsoft.com/office/drawing/2014/main" id="{D1CFC00A-6FF7-41CC-8DB7-ACCFE48AD6F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717876" y="3022600"/>
            <a:ext cx="19812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T_1a7f452719ed4a6db6a29eb3166a353f_ShapePercentage" hidden="1">
            <a:extLst>
              <a:ext uri="{FF2B5EF4-FFF2-40B4-BE49-F238E27FC236}">
                <a16:creationId xmlns:a16="http://schemas.microsoft.com/office/drawing/2014/main" id="{30B5C54A-3A03-4403-8FB2-A5D9A5E6C66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_72b19200712240daa9c2ab22ab582cb2_ShapePercentage" hidden="1">
            <a:extLst>
              <a:ext uri="{FF2B5EF4-FFF2-40B4-BE49-F238E27FC236}">
                <a16:creationId xmlns:a16="http://schemas.microsoft.com/office/drawing/2014/main" id="{0CFD4E0D-73BC-4E82-AD55-DBBB969F8091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T_ab67ea51e56f4011865e996aa0bc488a_ShapePercentage" hidden="1">
            <a:extLst>
              <a:ext uri="{FF2B5EF4-FFF2-40B4-BE49-F238E27FC236}">
                <a16:creationId xmlns:a16="http://schemas.microsoft.com/office/drawing/2014/main" id="{B26EF890-E682-4B6D-9669-4BCD3ED0D0F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b65a2bbfbde949238b0df884a64c9c40_ShapePercentage" hidden="1">
            <a:extLst>
              <a:ext uri="{FF2B5EF4-FFF2-40B4-BE49-F238E27FC236}">
                <a16:creationId xmlns:a16="http://schemas.microsoft.com/office/drawing/2014/main" id="{AE0B136C-855F-42B1-9D73-B321C3E9157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2700" y="12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T_1a7f452719ed4a6db6a29eb3166a353f_Duration" hidden="1">
            <a:extLst>
              <a:ext uri="{FF2B5EF4-FFF2-40B4-BE49-F238E27FC236}">
                <a16:creationId xmlns:a16="http://schemas.microsoft.com/office/drawing/2014/main" id="{3FC0CD1C-1DDA-4122-A193-218B171F231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42" name="OTLSHAPE_T_1a7f452719ed4a6db6a29eb3166a353f_StartDate" hidden="1">
            <a:extLst>
              <a:ext uri="{FF2B5EF4-FFF2-40B4-BE49-F238E27FC236}">
                <a16:creationId xmlns:a16="http://schemas.microsoft.com/office/drawing/2014/main" id="{8F7CD6F4-E533-4E89-8B3D-F7F2C7CE846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43" name="OTLSHAPE_T_1a7f452719ed4a6db6a29eb3166a353f_EndDate" hidden="1">
            <a:extLst>
              <a:ext uri="{FF2B5EF4-FFF2-40B4-BE49-F238E27FC236}">
                <a16:creationId xmlns:a16="http://schemas.microsoft.com/office/drawing/2014/main" id="{6CB79121-D144-45B8-AC6E-1BAD058070B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44" name="OTLSHAPE_T_1a7f452719ed4a6db6a29eb3166a353f_JoinedDate">
            <a:extLst>
              <a:ext uri="{FF2B5EF4-FFF2-40B4-BE49-F238E27FC236}">
                <a16:creationId xmlns:a16="http://schemas.microsoft.com/office/drawing/2014/main" id="{92D6E0B4-D521-4D8C-BD4C-A8E89242920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11673" y="171577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10 - Nov 10</a:t>
            </a:r>
          </a:p>
        </p:txBody>
      </p:sp>
      <p:sp>
        <p:nvSpPr>
          <p:cNvPr id="45" name="OTLSHAPE_T_1a7f452719ed4a6db6a29eb3166a353f_Title">
            <a:extLst>
              <a:ext uri="{FF2B5EF4-FFF2-40B4-BE49-F238E27FC236}">
                <a16:creationId xmlns:a16="http://schemas.microsoft.com/office/drawing/2014/main" id="{6859A225-2E7A-4AC6-B4B5-506AF10AC0D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83215" y="1870795"/>
            <a:ext cx="1507782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Use case confirmation with </a:t>
            </a:r>
            <a:r>
              <a:rPr lang="en-US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Rabo</a:t>
            </a:r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/ </a:t>
            </a:r>
            <a:r>
              <a:rPr lang="en-US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Achmea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1a7f452719ed4a6db6a29eb3166a353f_TextPercentage" hidden="1">
            <a:extLst>
              <a:ext uri="{FF2B5EF4-FFF2-40B4-BE49-F238E27FC236}">
                <a16:creationId xmlns:a16="http://schemas.microsoft.com/office/drawing/2014/main" id="{C20B257F-7425-4181-8356-C927EBEC785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49" name="OTLSHAPE_T_72b19200712240daa9c2ab22ab582cb2_Duration" hidden="1">
            <a:extLst>
              <a:ext uri="{FF2B5EF4-FFF2-40B4-BE49-F238E27FC236}">
                <a16:creationId xmlns:a16="http://schemas.microsoft.com/office/drawing/2014/main" id="{FBD8E192-3BC4-4FC3-B25C-F243F9970CD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0" name="OTLSHAPE_T_72b19200712240daa9c2ab22ab582cb2_StartDate" hidden="1">
            <a:extLst>
              <a:ext uri="{FF2B5EF4-FFF2-40B4-BE49-F238E27FC236}">
                <a16:creationId xmlns:a16="http://schemas.microsoft.com/office/drawing/2014/main" id="{6FF04303-B9FC-4C70-850E-3A7AE4EC8DD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1" name="OTLSHAPE_T_72b19200712240daa9c2ab22ab582cb2_EndDate" hidden="1">
            <a:extLst>
              <a:ext uri="{FF2B5EF4-FFF2-40B4-BE49-F238E27FC236}">
                <a16:creationId xmlns:a16="http://schemas.microsoft.com/office/drawing/2014/main" id="{62240422-2FAC-4FDF-B978-771E4F217AB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2" name="OTLSHAPE_T_72b19200712240daa9c2ab22ab582cb2_JoinedDate">
            <a:extLst>
              <a:ext uri="{FF2B5EF4-FFF2-40B4-BE49-F238E27FC236}">
                <a16:creationId xmlns:a16="http://schemas.microsoft.com/office/drawing/2014/main" id="{21BD04FC-4D62-468A-8ABE-422D4796756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664486" y="171577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53" name="OTLSHAPE_T_72b19200712240daa9c2ab22ab582cb2_Title">
            <a:extLst>
              <a:ext uri="{FF2B5EF4-FFF2-40B4-BE49-F238E27FC236}">
                <a16:creationId xmlns:a16="http://schemas.microsoft.com/office/drawing/2014/main" id="{5068D1DA-B295-4A24-87DA-3D24E698E3F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942215" y="1982905"/>
            <a:ext cx="164979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Development of black box vs white box tool</a:t>
            </a:r>
          </a:p>
        </p:txBody>
      </p:sp>
      <p:sp>
        <p:nvSpPr>
          <p:cNvPr id="54" name="OTLSHAPE_T_72b19200712240daa9c2ab22ab582cb2_TextPercentage" hidden="1">
            <a:extLst>
              <a:ext uri="{FF2B5EF4-FFF2-40B4-BE49-F238E27FC236}">
                <a16:creationId xmlns:a16="http://schemas.microsoft.com/office/drawing/2014/main" id="{64A85FAC-27ED-4B74-9CB1-F10975C3B95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7" name="OTLSHAPE_T_ab67ea51e56f4011865e996aa0bc488a_Duration" hidden="1">
            <a:extLst>
              <a:ext uri="{FF2B5EF4-FFF2-40B4-BE49-F238E27FC236}">
                <a16:creationId xmlns:a16="http://schemas.microsoft.com/office/drawing/2014/main" id="{8E3782CF-E979-42E3-9EA1-2C9AF0903AC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8" name="OTLSHAPE_T_ab67ea51e56f4011865e996aa0bc488a_StartDate" hidden="1">
            <a:extLst>
              <a:ext uri="{FF2B5EF4-FFF2-40B4-BE49-F238E27FC236}">
                <a16:creationId xmlns:a16="http://schemas.microsoft.com/office/drawing/2014/main" id="{AF87D0E3-1BC1-4623-B66B-838BAA25389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59" name="OTLSHAPE_T_ab67ea51e56f4011865e996aa0bc488a_EndDate" hidden="1">
            <a:extLst>
              <a:ext uri="{FF2B5EF4-FFF2-40B4-BE49-F238E27FC236}">
                <a16:creationId xmlns:a16="http://schemas.microsoft.com/office/drawing/2014/main" id="{C88303C9-1401-46D8-A41A-190CB4A418F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60" name="OTLSHAPE_T_ab67ea51e56f4011865e996aa0bc488a_Title">
            <a:extLst>
              <a:ext uri="{FF2B5EF4-FFF2-40B4-BE49-F238E27FC236}">
                <a16:creationId xmlns:a16="http://schemas.microsoft.com/office/drawing/2014/main" id="{23649680-A01E-4A8E-A1EE-4E5720016B5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575376" y="2608509"/>
            <a:ext cx="184497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>
                <a:solidFill>
                  <a:schemeClr val="lt2"/>
                </a:solidFill>
                <a:latin typeface="Calibri" panose="020F0502020204030204" pitchFamily="34" charset="0"/>
              </a:rPr>
              <a:t>Experiment with expert</a:t>
            </a:r>
          </a:p>
        </p:txBody>
      </p:sp>
      <p:sp>
        <p:nvSpPr>
          <p:cNvPr id="61" name="OTLSHAPE_T_ab67ea51e56f4011865e996aa0bc488a_JoinedDate">
            <a:extLst>
              <a:ext uri="{FF2B5EF4-FFF2-40B4-BE49-F238E27FC236}">
                <a16:creationId xmlns:a16="http://schemas.microsoft.com/office/drawing/2014/main" id="{6195C4AF-A69D-419C-AAA4-BD125EEB181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670730" y="244585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an 1 - Feb 1</a:t>
            </a:r>
          </a:p>
        </p:txBody>
      </p:sp>
      <p:sp>
        <p:nvSpPr>
          <p:cNvPr id="62" name="OTLSHAPE_T_ab67ea51e56f4011865e996aa0bc488a_TextPercentage" hidden="1">
            <a:extLst>
              <a:ext uri="{FF2B5EF4-FFF2-40B4-BE49-F238E27FC236}">
                <a16:creationId xmlns:a16="http://schemas.microsoft.com/office/drawing/2014/main" id="{594F6532-F996-4096-B6FC-F0A37E728D4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65" name="OTLSHAPE_T_b65a2bbfbde949238b0df884a64c9c40_Duration" hidden="1">
            <a:extLst>
              <a:ext uri="{FF2B5EF4-FFF2-40B4-BE49-F238E27FC236}">
                <a16:creationId xmlns:a16="http://schemas.microsoft.com/office/drawing/2014/main" id="{285C4206-32EF-44A1-950F-0F1B332BD38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66" name="OTLSHAPE_T_b65a2bbfbde949238b0df884a64c9c40_StartDate" hidden="1">
            <a:extLst>
              <a:ext uri="{FF2B5EF4-FFF2-40B4-BE49-F238E27FC236}">
                <a16:creationId xmlns:a16="http://schemas.microsoft.com/office/drawing/2014/main" id="{BF6FB1ED-0D53-4E25-9E02-65844C132B2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67" name="OTLSHAPE_T_b65a2bbfbde949238b0df884a64c9c40_EndDate" hidden="1">
            <a:extLst>
              <a:ext uri="{FF2B5EF4-FFF2-40B4-BE49-F238E27FC236}">
                <a16:creationId xmlns:a16="http://schemas.microsoft.com/office/drawing/2014/main" id="{97BD8CBD-A357-4D66-A0F2-91ED5756AA5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68" name="OTLSHAPE_T_b65a2bbfbde949238b0df884a64c9c40_JoinedDate">
            <a:extLst>
              <a:ext uri="{FF2B5EF4-FFF2-40B4-BE49-F238E27FC236}">
                <a16:creationId xmlns:a16="http://schemas.microsoft.com/office/drawing/2014/main" id="{C60E0AAF-3DB8-4FE4-AB14-24448292B92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717876" y="286757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eb 1 - Mar 1</a:t>
            </a:r>
          </a:p>
        </p:txBody>
      </p:sp>
      <p:sp>
        <p:nvSpPr>
          <p:cNvPr id="69" name="OTLSHAPE_T_b65a2bbfbde949238b0df884a64c9c40_Title">
            <a:extLst>
              <a:ext uri="{FF2B5EF4-FFF2-40B4-BE49-F238E27FC236}">
                <a16:creationId xmlns:a16="http://schemas.microsoft.com/office/drawing/2014/main" id="{711C4095-ABD5-42C3-B3E2-F100184A53B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959045" y="303894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2"/>
                </a:solidFill>
                <a:latin typeface="Calibri" panose="020F0502020204030204" pitchFamily="34" charset="0"/>
              </a:rPr>
              <a:t>Result analysis and report</a:t>
            </a:r>
          </a:p>
        </p:txBody>
      </p:sp>
      <p:sp>
        <p:nvSpPr>
          <p:cNvPr id="70" name="OTLSHAPE_T_b65a2bbfbde949238b0df884a64c9c40_TextPercentage" hidden="1">
            <a:extLst>
              <a:ext uri="{FF2B5EF4-FFF2-40B4-BE49-F238E27FC236}">
                <a16:creationId xmlns:a16="http://schemas.microsoft.com/office/drawing/2014/main" id="{E4A01FE0-569C-4B51-98DA-F1C98186D2B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dirty="0"/>
          </a:p>
        </p:txBody>
      </p:sp>
      <p:sp>
        <p:nvSpPr>
          <p:cNvPr id="85" name="Title 1">
            <a:extLst>
              <a:ext uri="{FF2B5EF4-FFF2-40B4-BE49-F238E27FC236}">
                <a16:creationId xmlns:a16="http://schemas.microsoft.com/office/drawing/2014/main" id="{35922EBC-FCF2-4619-A037-BE3E875BDED1}"/>
              </a:ext>
            </a:extLst>
          </p:cNvPr>
          <p:cNvSpPr txBox="1">
            <a:spLocks/>
          </p:cNvSpPr>
          <p:nvPr/>
        </p:nvSpPr>
        <p:spPr>
          <a:xfrm>
            <a:off x="837982" y="365126"/>
            <a:ext cx="10512862" cy="1325563"/>
          </a:xfrm>
          <a:prstGeom prst="rect">
            <a:avLst/>
          </a:prstGeom>
        </p:spPr>
        <p:txBody>
          <a:bodyPr/>
          <a:lstStyle>
            <a:lvl1pPr algn="l" defTabSz="914126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399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/>
              <a:t>Timeline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52150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hapely valu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F62AE1-6C0B-4E2F-A8D7-B5E928C8A03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1812" y="1828800"/>
            <a:ext cx="5486399" cy="4191000"/>
          </a:xfrm>
          <a:ln>
            <a:solidFill>
              <a:schemeClr val="bg2">
                <a:lumMod val="90000"/>
              </a:schemeClr>
            </a:solidFill>
          </a:ln>
        </p:spPr>
        <p:txBody>
          <a:bodyPr>
            <a:normAutofit/>
          </a:bodyPr>
          <a:lstStyle/>
          <a:p>
            <a:r>
              <a:rPr lang="en-US" sz="2000" dirty="0"/>
              <a:t>Used in game theory: How to fairly distribute payout among multiple players with different skills?</a:t>
            </a:r>
          </a:p>
          <a:p>
            <a:pPr marL="45720" indent="0">
              <a:buNone/>
            </a:pPr>
            <a:endParaRPr lang="en-US" sz="20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E79102E-C4E4-480C-9F76-E573C6DE6C6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1812" y="3124200"/>
            <a:ext cx="5486399" cy="19812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76EBA557-D9BF-4222-B069-2B6E4D0A9C3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23012" y="3002756"/>
            <a:ext cx="5224461" cy="2224087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86302C62-808B-4D4A-8D9F-60EB4137AFEA}"/>
              </a:ext>
            </a:extLst>
          </p:cNvPr>
          <p:cNvSpPr txBox="1">
            <a:spLocks/>
          </p:cNvSpPr>
          <p:nvPr/>
        </p:nvSpPr>
        <p:spPr>
          <a:xfrm>
            <a:off x="6096000" y="1800225"/>
            <a:ext cx="5753100" cy="4191000"/>
          </a:xfrm>
          <a:prstGeom prst="rect">
            <a:avLst/>
          </a:prstGeom>
          <a:ln>
            <a:solidFill>
              <a:schemeClr val="bg2">
                <a:lumMod val="90000"/>
              </a:schemeClr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274320" indent="-22860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chemeClr val="tx1">
                  <a:lumMod val="65000"/>
                  <a:lumOff val="35000"/>
                </a:schemeClr>
              </a:buClr>
              <a:buSzPct val="80000"/>
              <a:buFont typeface="Arial" pitchFamily="34" charset="0"/>
              <a:buChar char="•"/>
              <a:defRPr sz="20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59436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1">
                  <a:lumMod val="65000"/>
                  <a:lumOff val="35000"/>
                </a:schemeClr>
              </a:buClr>
              <a:buSzPct val="80000"/>
              <a:buFont typeface="Arial" pitchFamily="34" charset="0"/>
              <a:buChar char="•"/>
              <a:defRPr sz="18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777240" indent="-18288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tx1">
                  <a:lumMod val="65000"/>
                  <a:lumOff val="35000"/>
                </a:schemeClr>
              </a:buClr>
              <a:buSzPct val="80000"/>
              <a:buFont typeface="Arial" pitchFamily="34" charset="0"/>
              <a:buChar char="•"/>
              <a:defRPr sz="16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960120" indent="-18288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tx1">
                  <a:lumMod val="65000"/>
                  <a:lumOff val="35000"/>
                </a:schemeClr>
              </a:buClr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097280" indent="-13716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tx1">
                  <a:lumMod val="65000"/>
                  <a:lumOff val="35000"/>
                </a:schemeClr>
              </a:buClr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234440" indent="-13716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71600" indent="-13716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8760" indent="-13716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645920" indent="-13716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Char char="•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Interpretable ML: How to fairly distribute  a prediction  among different features?</a:t>
            </a:r>
          </a:p>
          <a:p>
            <a:pPr marL="45720" indent="0">
              <a:buFont typeface="Arial" pitchFamily="34" charset="0"/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72313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84515-444E-4EB4-B65F-416D42ADEB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759" y="629266"/>
            <a:ext cx="4331127" cy="1622321"/>
          </a:xfrm>
        </p:spPr>
        <p:txBody>
          <a:bodyPr>
            <a:normAutofit/>
          </a:bodyPr>
          <a:lstStyle/>
          <a:p>
            <a:r>
              <a:rPr lang="en-US" sz="3700" dirty="0"/>
              <a:t>Experiment with shapely valu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CAD4DC3-70F4-4F68-A537-4572B8AB882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3212" y="2438401"/>
            <a:ext cx="3850131" cy="685800"/>
          </a:xfrm>
        </p:spPr>
        <p:txBody>
          <a:bodyPr>
            <a:normAutofit/>
          </a:bodyPr>
          <a:lstStyle/>
          <a:p>
            <a:pPr marL="365760" lvl="1" indent="0">
              <a:buNone/>
            </a:pPr>
            <a:r>
              <a:rPr lang="en-US" sz="2000" dirty="0"/>
              <a:t>How to interpret a model globally with SHAP?</a:t>
            </a: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5E39A796-BE83-48B1-B33F-35C4A32AAB5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637847" y="0"/>
            <a:ext cx="7550978" cy="6858000"/>
          </a:xfrm>
          <a:prstGeom prst="rect">
            <a:avLst/>
          </a:prstGeom>
          <a:solidFill>
            <a:srgbClr val="C8CA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Rounded Rectangle 9">
            <a:extLst>
              <a:ext uri="{FF2B5EF4-FFF2-40B4-BE49-F238E27FC236}">
                <a16:creationId xmlns:a16="http://schemas.microsoft.com/office/drawing/2014/main" id="{72F84B47-E267-4194-8194-831DB7B554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122353" y="484632"/>
            <a:ext cx="6582384" cy="5739187"/>
          </a:xfrm>
          <a:prstGeom prst="roundRect">
            <a:avLst>
              <a:gd name="adj" fmla="val 0"/>
            </a:avLst>
          </a:prstGeom>
          <a:solidFill>
            <a:srgbClr val="FFFFFF"/>
          </a:solidFill>
          <a:ln w="9525">
            <a:solidFill>
              <a:srgbClr val="C8CACA"/>
            </a:solidFill>
          </a:ln>
          <a:effectLst>
            <a:outerShdw blurRad="57150" dist="19050" dir="5400000" algn="t" rotWithShape="0">
              <a:prstClr val="black">
                <a:alpha val="6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FCDEF04C-D0B9-438D-B78D-F0A07851F6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789612" y="648683"/>
            <a:ext cx="5105400" cy="5308272"/>
          </a:xfrm>
          <a:prstGeom prst="rect">
            <a:avLst/>
          </a:prstGeom>
          <a:noFill/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740679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84515-444E-4EB4-B65F-416D42ADEB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periment with shapely valu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CAD4DC3-70F4-4F68-A537-4572B8AB882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7981" y="1524000"/>
            <a:ext cx="3122831" cy="1143000"/>
          </a:xfrm>
        </p:spPr>
        <p:txBody>
          <a:bodyPr/>
          <a:lstStyle/>
          <a:p>
            <a:pPr marL="365760" lvl="1" indent="0">
              <a:buNone/>
            </a:pPr>
            <a:r>
              <a:rPr lang="en-US" dirty="0"/>
              <a:t>How to interpret a model locally with SHAP?</a:t>
            </a:r>
          </a:p>
        </p:txBody>
      </p:sp>
      <p:sp>
        <p:nvSpPr>
          <p:cNvPr id="4" name="Rectangle 1">
            <a:extLst>
              <a:ext uri="{FF2B5EF4-FFF2-40B4-BE49-F238E27FC236}">
                <a16:creationId xmlns:a16="http://schemas.microsoft.com/office/drawing/2014/main" id="{BB05296B-6B9B-46F4-A112-77469D47E88C}"/>
              </a:ext>
            </a:extLst>
          </p:cNvPr>
          <p:cNvSpPr>
            <a:spLocks noChangeArrowheads="1"/>
          </p:cNvSpPr>
          <p:nvPr/>
        </p:nvSpPr>
        <p:spPr bwMode="auto">
          <a:xfrm>
            <a:off x="4113212" y="1449169"/>
            <a:ext cx="7053662" cy="1292662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b="1" i="0" u="none" strike="noStrike" cap="none" normalizeH="0" baseline="0" dirty="0">
                <a:ln>
                  <a:noFill/>
                </a:ln>
                <a:solidFill>
                  <a:srgbClr val="FF0000"/>
                </a:solidFill>
                <a:effectLst/>
              </a:rPr>
              <a:t>niggas wear wigs more than bitches these day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i="0" u="none" strike="noStrike" cap="none" normalizeH="0" baseline="0" dirty="0">
                <a:ln>
                  <a:noFill/>
                </a:ln>
                <a:effectLst/>
              </a:rPr>
              <a:t>prediction:  HATE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i="0" u="none" strike="noStrike" cap="none" normalizeH="0" baseline="0" dirty="0">
                <a:ln>
                  <a:noFill/>
                </a:ln>
                <a:effectLst/>
              </a:rPr>
              <a:t> True label : HAT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A9DE419-6F14-4B42-8ABE-9FA37A44091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612" y="3109603"/>
            <a:ext cx="12188825" cy="15822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03485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84515-444E-4EB4-B65F-416D42ADEB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periment with shapely valu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CAD4DC3-70F4-4F68-A537-4572B8AB882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6424" y="1537751"/>
            <a:ext cx="6705600" cy="1143000"/>
          </a:xfrm>
        </p:spPr>
        <p:txBody>
          <a:bodyPr/>
          <a:lstStyle/>
          <a:p>
            <a:pPr marL="365760" lvl="1" indent="0">
              <a:buNone/>
            </a:pPr>
            <a:r>
              <a:rPr lang="en-US" dirty="0"/>
              <a:t>How to interpret a model locally with SHAP?</a:t>
            </a:r>
          </a:p>
        </p:txBody>
      </p:sp>
      <p:sp>
        <p:nvSpPr>
          <p:cNvPr id="4" name="Rectangle 1">
            <a:extLst>
              <a:ext uri="{FF2B5EF4-FFF2-40B4-BE49-F238E27FC236}">
                <a16:creationId xmlns:a16="http://schemas.microsoft.com/office/drawing/2014/main" id="{BB05296B-6B9B-46F4-A112-77469D47E88C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99452" y="2129827"/>
            <a:ext cx="5487988" cy="1723549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b="1" i="0" u="none" strike="noStrike" cap="none" normalizeH="0" baseline="0" dirty="0">
                <a:ln>
                  <a:noFill/>
                </a:ln>
                <a:solidFill>
                  <a:srgbClr val="FF0000"/>
                </a:solidFill>
                <a:effectLst/>
              </a:rPr>
              <a:t>niggas wear wigs more than bitches these day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i="0" u="none" strike="noStrike" cap="none" normalizeH="0" baseline="0" dirty="0">
                <a:ln>
                  <a:noFill/>
                </a:ln>
                <a:effectLst/>
              </a:rPr>
              <a:t>prediction:  HATE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800" i="0" u="none" strike="noStrike" cap="none" normalizeH="0" baseline="0" dirty="0">
                <a:ln>
                  <a:noFill/>
                </a:ln>
                <a:effectLst/>
              </a:rPr>
              <a:t> True label : HATE</a:t>
            </a:r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43A7816E-317A-4703-A648-C424F65275C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16775" y="1032987"/>
            <a:ext cx="4972050" cy="5534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147004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44D9F9-38E0-4EA7-B27D-B3EB53D65E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posals</a:t>
            </a: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7062C2FF-AFBA-4C8C-AB82-818010B120F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458825244"/>
              </p:ext>
            </p:extLst>
          </p:nvPr>
        </p:nvGraphicFramePr>
        <p:xfrm>
          <a:off x="2907770" y="1430414"/>
          <a:ext cx="6373283" cy="399717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Rectangle 6">
            <a:extLst>
              <a:ext uri="{FF2B5EF4-FFF2-40B4-BE49-F238E27FC236}">
                <a16:creationId xmlns:a16="http://schemas.microsoft.com/office/drawing/2014/main" id="{7F5211DB-728F-4B43-A57C-E7E9C72F1AED}"/>
              </a:ext>
            </a:extLst>
          </p:cNvPr>
          <p:cNvSpPr/>
          <p:nvPr/>
        </p:nvSpPr>
        <p:spPr>
          <a:xfrm>
            <a:off x="3351212" y="5562600"/>
            <a:ext cx="6092825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pPr lvl="0"/>
            <a:r>
              <a:rPr lang="en-US" dirty="0">
                <a:hlinkClick r:id="rId7"/>
              </a:rPr>
              <a:t>https://www.journals.elsevier.com/artificial-intelligence/call-for-papers/special-issue-on-explainable-artificial-intelligence</a:t>
            </a:r>
            <a:r>
              <a:rPr lang="en-US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5256257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3" name="Rectangle 7">
            <a:extLst>
              <a:ext uri="{FF2B5EF4-FFF2-40B4-BE49-F238E27FC236}">
                <a16:creationId xmlns:a16="http://schemas.microsoft.com/office/drawing/2014/main" id="{559AE206-7EBA-4D33-8BC9-9D8158553F0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825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37980" y="4525347"/>
            <a:ext cx="6799550" cy="1737360"/>
          </a:xfrm>
        </p:spPr>
        <p:txBody>
          <a:bodyPr anchor="ctr">
            <a:normAutofit/>
          </a:bodyPr>
          <a:lstStyle/>
          <a:p>
            <a:pPr algn="r"/>
            <a:r>
              <a:rPr lang="en-US"/>
              <a:t>Shapely accelerated smart data labelling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959184" y="4525347"/>
            <a:ext cx="3257827" cy="1737360"/>
          </a:xfrm>
        </p:spPr>
        <p:txBody>
          <a:bodyPr anchor="ctr">
            <a:normAutofit/>
          </a:bodyPr>
          <a:lstStyle/>
          <a:p>
            <a:pPr algn="l"/>
            <a:r>
              <a:rPr lang="en-US" b="1" dirty="0"/>
              <a:t>Short term proposal (Oct-Dec 2019)</a:t>
            </a:r>
          </a:p>
        </p:txBody>
      </p:sp>
      <p:sp>
        <p:nvSpPr>
          <p:cNvPr id="15" name="Oval 9">
            <a:extLst>
              <a:ext uri="{FF2B5EF4-FFF2-40B4-BE49-F238E27FC236}">
                <a16:creationId xmlns:a16="http://schemas.microsoft.com/office/drawing/2014/main" id="{6437D937-A7F1-4011-92B4-328E5BE1B16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88413" y="620480"/>
            <a:ext cx="2243216" cy="2243796"/>
          </a:xfrm>
          <a:prstGeom prst="ellipse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B672F332-AF08-46C6-94F0-77684310D7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394116" y="2466604"/>
            <a:ext cx="962145" cy="962395"/>
          </a:xfrm>
          <a:prstGeom prst="ellipse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34244EF8-D73A-40E1-BE73-D46E6B4B04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124494" y="2327988"/>
            <a:ext cx="293618" cy="293695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AB84D7E8-4ECB-42D7-ADBF-01689B0F24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490422" y="0"/>
            <a:ext cx="5698403" cy="4059244"/>
          </a:xfrm>
          <a:custGeom>
            <a:avLst/>
            <a:gdLst>
              <a:gd name="connsiteX0" fmla="*/ 0 w 5699887"/>
              <a:gd name="connsiteY0" fmla="*/ 0 h 4059244"/>
              <a:gd name="connsiteX1" fmla="*/ 5699887 w 5699887"/>
              <a:gd name="connsiteY1" fmla="*/ 0 h 4059244"/>
              <a:gd name="connsiteX2" fmla="*/ 5699887 w 5699887"/>
              <a:gd name="connsiteY2" fmla="*/ 3944096 h 4059244"/>
              <a:gd name="connsiteX3" fmla="*/ 5525775 w 5699887"/>
              <a:gd name="connsiteY3" fmla="*/ 3980429 h 4059244"/>
              <a:gd name="connsiteX4" fmla="*/ 4663256 w 5699887"/>
              <a:gd name="connsiteY4" fmla="*/ 4059244 h 4059244"/>
              <a:gd name="connsiteX5" fmla="*/ 8566 w 5699887"/>
              <a:gd name="connsiteY5" fmla="*/ 67422 h 405924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699887" h="4059244">
                <a:moveTo>
                  <a:pt x="0" y="0"/>
                </a:moveTo>
                <a:lnTo>
                  <a:pt x="5699887" y="0"/>
                </a:lnTo>
                <a:lnTo>
                  <a:pt x="5699887" y="3944096"/>
                </a:lnTo>
                <a:lnTo>
                  <a:pt x="5525775" y="3980429"/>
                </a:lnTo>
                <a:cubicBezTo>
                  <a:pt x="5246154" y="4032190"/>
                  <a:pt x="4957865" y="4059244"/>
                  <a:pt x="4663256" y="4059244"/>
                </a:cubicBezTo>
                <a:cubicBezTo>
                  <a:pt x="2306390" y="4059244"/>
                  <a:pt x="353936" y="2327747"/>
                  <a:pt x="8566" y="67422"/>
                </a:cubicBezTo>
                <a:close/>
              </a:path>
            </a:pathLst>
          </a:custGeom>
          <a:solidFill>
            <a:srgbClr val="59595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9E8E38ED-369A-44C2-B635-0BED0E48A6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7798360" y="4525347"/>
            <a:ext cx="0" cy="1737360"/>
          </a:xfrm>
          <a:prstGeom prst="line">
            <a:avLst/>
          </a:prstGeom>
          <a:ln w="19050" cap="sq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932598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BF7F1D5-1E52-4579-BE8E-D33CE072FB7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1812" y="1524000"/>
            <a:ext cx="3657600" cy="4351338"/>
          </a:xfrm>
        </p:spPr>
        <p:txBody>
          <a:bodyPr>
            <a:normAutofit/>
          </a:bodyPr>
          <a:lstStyle/>
          <a:p>
            <a:r>
              <a:rPr lang="en-US" sz="2400" dirty="0"/>
              <a:t>What happens if we cluster in Shapely space?</a:t>
            </a:r>
          </a:p>
          <a:p>
            <a:r>
              <a:rPr lang="en-US" sz="2400" dirty="0"/>
              <a:t>Number of clusters = no. of most important features</a:t>
            </a:r>
          </a:p>
        </p:txBody>
      </p:sp>
      <p:sp>
        <p:nvSpPr>
          <p:cNvPr id="7" name="Rectangle 1">
            <a:extLst>
              <a:ext uri="{FF2B5EF4-FFF2-40B4-BE49-F238E27FC236}">
                <a16:creationId xmlns:a16="http://schemas.microsoft.com/office/drawing/2014/main" id="{AFAE2A2B-818F-45DD-B11F-0FD94FFC06B9}"/>
              </a:ext>
            </a:extLst>
          </p:cNvPr>
          <p:cNvSpPr>
            <a:spLocks noChangeArrowheads="1"/>
          </p:cNvSpPr>
          <p:nvPr/>
        </p:nvSpPr>
        <p:spPr bwMode="auto">
          <a:xfrm>
            <a:off x="2360612" y="4896654"/>
            <a:ext cx="4876800" cy="276999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1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mc:AlternateContent xmlns:mc="http://schemas.openxmlformats.org/markup-compatibility/2006">
        <mc:Choice xmlns:we="http://schemas.microsoft.com/office/webextensions/webextension/2010/11" xmlns:pca="http://schemas.microsoft.com/office/powerpoint/2013/contentapp" Requires="we pca">
          <p:graphicFrame>
            <p:nvGraphicFramePr>
              <p:cNvPr id="4" name="Add-in 3" title="Plotly D3.js Charts for Powerpoint and Excel">
                <a:extLst>
                  <a:ext uri="{FF2B5EF4-FFF2-40B4-BE49-F238E27FC236}">
                    <a16:creationId xmlns:a16="http://schemas.microsoft.com/office/drawing/2014/main" id="{AF7E8A7F-1299-4BEF-8FEE-82BA65A37C31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3781341267"/>
                  </p:ext>
                </p:extLst>
              </p:nvPr>
            </p:nvGraphicFramePr>
            <p:xfrm>
              <a:off x="4440316" y="1530658"/>
              <a:ext cx="7247878" cy="5715000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2"/>
              </a:graphicData>
            </a:graphic>
          </p:graphicFrame>
        </mc:Choice>
        <mc:Fallback>
          <p:pic>
            <p:nvPicPr>
              <p:cNvPr id="4" name="Add-in 3" title="Plotly D3.js Charts for Powerpoint and Excel">
                <a:extLst>
                  <a:ext uri="{FF2B5EF4-FFF2-40B4-BE49-F238E27FC236}">
                    <a16:creationId xmlns:a16="http://schemas.microsoft.com/office/drawing/2014/main" id="{AF7E8A7F-1299-4BEF-8FEE-82BA65A37C31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4440316" y="1530658"/>
                <a:ext cx="7247878" cy="5715000"/>
              </a:xfrm>
              <a:prstGeom prst="rect">
                <a:avLst/>
              </a:prstGeom>
            </p:spPr>
          </p:pic>
        </mc:Fallback>
      </mc:AlternateContent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ustering using shapely values</a:t>
            </a:r>
          </a:p>
        </p:txBody>
      </p:sp>
    </p:spTree>
    <p:extLst>
      <p:ext uri="{BB962C8B-B14F-4D97-AF65-F5344CB8AC3E}">
        <p14:creationId xmlns:p14="http://schemas.microsoft.com/office/powerpoint/2010/main" val="14317194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76DB87-7CF8-41C0-9C8B-BE5C622363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2" y="365126"/>
            <a:ext cx="10512862" cy="1325563"/>
          </a:xfrm>
        </p:spPr>
        <p:txBody>
          <a:bodyPr/>
          <a:lstStyle/>
          <a:p>
            <a:r>
              <a:rPr lang="en-US"/>
              <a:t>Shapely accelerated smart labelling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27D3776-7284-490F-90F3-ACF592EBCA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73383" y="1447800"/>
            <a:ext cx="4459030" cy="290511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sz="1800" dirty="0"/>
              <a:t>Label whole cluster at one go as the whole cluster is most likely to have same class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5F62E231-8DF7-4327-8A45-AC4EA78F5B8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31155827"/>
              </p:ext>
            </p:extLst>
          </p:nvPr>
        </p:nvGraphicFramePr>
        <p:xfrm>
          <a:off x="6856412" y="1690689"/>
          <a:ext cx="4828604" cy="409071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15606">
                  <a:extLst>
                    <a:ext uri="{9D8B030D-6E8A-4147-A177-3AD203B41FA5}">
                      <a16:colId xmlns:a16="http://schemas.microsoft.com/office/drawing/2014/main" val="3235201876"/>
                    </a:ext>
                  </a:extLst>
                </a:gridCol>
                <a:gridCol w="812998">
                  <a:extLst>
                    <a:ext uri="{9D8B030D-6E8A-4147-A177-3AD203B41FA5}">
                      <a16:colId xmlns:a16="http://schemas.microsoft.com/office/drawing/2014/main" val="3670400142"/>
                    </a:ext>
                  </a:extLst>
                </a:gridCol>
              </a:tblGrid>
              <a:tr h="478835">
                <a:tc>
                  <a:txBody>
                    <a:bodyPr/>
                    <a:lstStyle/>
                    <a:p>
                      <a:r>
                        <a:rPr lang="en-US" sz="1400" dirty="0"/>
                        <a:t>Data in cluster 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Labe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585208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logan</a:t>
                      </a:r>
                      <a:r>
                        <a:rPr lang="en-US" sz="1400" dirty="0"/>
                        <a:t> and you know best about the </a:t>
                      </a: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moves  </a:t>
                      </a:r>
                    </a:p>
                    <a:p>
                      <a:endParaRPr lang="en-US" sz="1400" dirty="0"/>
                    </a:p>
                  </a:txBody>
                  <a:tcPr/>
                </a:tc>
                <a:tc rowSpan="6">
                  <a:txBody>
                    <a:bodyPr/>
                    <a:lstStyle/>
                    <a:p>
                      <a:r>
                        <a:rPr lang="en-US" sz="3600" dirty="0"/>
                        <a:t>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7885251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the </a:t>
                      </a: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has a hat so it is hats on hats who can beat that </a:t>
                      </a:r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072381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got to on flappy </a:t>
                      </a: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</a:t>
                      </a:r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93943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the </a:t>
                      </a:r>
                      <a:r>
                        <a:rPr lang="en-US" sz="1400" dirty="0" err="1"/>
                        <a:t>iskyrim</a:t>
                      </a:r>
                      <a:r>
                        <a:rPr lang="en-US" sz="1400" dirty="0"/>
                        <a:t> theme song then </a:t>
                      </a:r>
                      <a:r>
                        <a:rPr lang="en-US" sz="1400" dirty="0" err="1"/>
                        <a:t>i</a:t>
                      </a:r>
                      <a:r>
                        <a:rPr lang="en-US" sz="1400" dirty="0"/>
                        <a:t> realized that he was a </a:t>
                      </a:r>
                      <a:r>
                        <a:rPr lang="en-US" sz="1400" b="1" dirty="0"/>
                        <a:t>bird</a:t>
                      </a:r>
                    </a:p>
                    <a:p>
                      <a:endParaRPr lang="en-US" sz="1400" dirty="0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8156656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moscato</a:t>
                      </a:r>
                      <a:r>
                        <a:rPr lang="en-US" sz="1400" dirty="0"/>
                        <a:t> they would make a great baby </a:t>
                      </a: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picture</a:t>
                      </a:r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89800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nest in my garage and so now when the birds fly out they poop on my car </a:t>
                      </a:r>
                    </a:p>
                    <a:p>
                      <a:endParaRPr lang="en-US" sz="1400" dirty="0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209234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 he will not bite we promise he is a friendly </a:t>
                      </a:r>
                      <a:r>
                        <a:rPr lang="en-US" sz="1400" b="1" dirty="0"/>
                        <a:t>bird</a:t>
                      </a:r>
                      <a:r>
                        <a:rPr lang="en-US" sz="1400" dirty="0"/>
                        <a:t>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92601116"/>
                  </a:ext>
                </a:extLst>
              </a:tr>
            </a:tbl>
          </a:graphicData>
        </a:graphic>
      </p:graphicFrame>
      <mc:AlternateContent xmlns:mc="http://schemas.openxmlformats.org/markup-compatibility/2006">
        <mc:Choice xmlns:we="http://schemas.microsoft.com/office/webextensions/webextension/2010/11" xmlns:pca="http://schemas.microsoft.com/office/powerpoint/2013/contentapp" Requires="we pca">
          <p:graphicFrame>
            <p:nvGraphicFramePr>
              <p:cNvPr id="5" name="Add-in 4" title="Plotly D3.js Charts for Powerpoint and Excel">
                <a:extLst>
                  <a:ext uri="{FF2B5EF4-FFF2-40B4-BE49-F238E27FC236}">
                    <a16:creationId xmlns:a16="http://schemas.microsoft.com/office/drawing/2014/main" id="{B776E346-F202-4808-B8A2-696DD0986C9D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376883113"/>
                  </p:ext>
                </p:extLst>
              </p:nvPr>
            </p:nvGraphicFramePr>
            <p:xfrm>
              <a:off x="873383" y="1981200"/>
              <a:ext cx="5675051" cy="4128431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2"/>
              </a:graphicData>
            </a:graphic>
          </p:graphicFrame>
        </mc:Choice>
        <mc:Fallback>
          <p:pic>
            <p:nvPicPr>
              <p:cNvPr id="5" name="Add-in 4" title="Plotly D3.js Charts for Powerpoint and Excel">
                <a:extLst>
                  <a:ext uri="{FF2B5EF4-FFF2-40B4-BE49-F238E27FC236}">
                    <a16:creationId xmlns:a16="http://schemas.microsoft.com/office/drawing/2014/main" id="{B776E346-F202-4808-B8A2-696DD0986C9D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873383" y="1981200"/>
                <a:ext cx="5675051" cy="4128431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3110243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E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QwNC45ODA4NjU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5LCJHIjo5NSwiQiI6ODF9fSwiTWF4V2lkdGgiOjIwMC4wLCJNYXhIZWlnaHQiOiJJbmZpbml0eSIsIlNtYXJ0Rm9yZWdyb3VuZElzQWN0aXZlIjpmYWxzZSwiSG9yaXpvbnRhbEFsaWdubWVudCI6MS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DFUMjM6NTk6MDAiLCJGb3JtYXQiOiJ3IiwiVHlwZSI6MSwiQXV0b0RhdGVSYW5nZSI6dHJ1ZSwiV29ya2luZ0RheXMiOjMxLCJUb2RheU1hcmtlclRleHQiOiJUb2RheSIsIkF1dG9TY2FsZVR5cGUiOmZhbHNlfSwiTWlsZXN0b25lcyI6W10sIlRhc2tzIjpbeyIkaWQiOiIxNjMiLCJHcm91cE5hbWUiOiJhZDUwN2NlNi1kZDBkLTRlOWQtODcxNi0xNWE1ODE1MjczMWYiLCJTdGFydERhdGUiOiIyMDE5LTEwLTEwVDA4OjAwOjAwIiwiRW5kRGF0ZSI6IjIwMTktMTEtMTBUMTc6MDA6MDAiLCJQZXJjZW50YWdlQ29tcGxldGUiOm51bGwsIlN0eWxlIjp7IiRpZCI6IjE2NCIsIlNoYXBlIjoy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HJlZiI6Ijg2In19LCJNYXhXaWR0aCI6MjAwLjAsIk1heEhlaWdodCI6IkluZmluaXR5IiwiU21hcnRGb3JlZ3JvdW5kSXNBY3RpdmUiOmZhbHNlLCJIb3Jpem9udGFsQWxpZ25tZW50IjoxLCJWZXJ0aWNhbEFsaWdubWVudCI6MCwiU21hcnRGb3JlZ3JvdW5kIjpudWxsLCJCYWNrZ3JvdW5kRmlsbFR5cGUiOjAsIk1hcmdpbiI6eyIkaWQiOiIxNjgiLCJUb3AiOjAsIkxlZnQiOjAsIlJpZ2h0IjowLCJCb3R0b20iOjB9LCJQYWRkaW5nIjp7IiRpZCI6IjE2OSIsIlRvcCI6MCwiTGVmdCI6MCwiUmlnaHQiOjAsIkJvdHRvbSI6MH0sIkJhY2tncm91bmQiOnsiJHJlZiI6Ijg5In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yZWYiOiI5MyJ9fSwiTWF4V2lkdGgiOjIwMC4wLCJNYXhIZWlnaHQiOiJJbmZpbml0eSIsIlNtYXJ0Rm9yZWdyb3VuZElzQWN0aXZlIjpmYWxzZSwiSG9yaXpvbnRhbEFsaWdubWVudCI6MCwiVmVydGljYWxBbGlnbm1lbnQiOjAsIlNtYXJ0Rm9yZWdyb3VuZCI6bnVsbCwiQmFja2dyb3VuZEZpbGxUeXBlIjow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pZCI6IjE3OSIsIiR0eXBlIjoiTkxSRS5Db21tb24uRG9tLlNvbGlkQ29sb3JCcnVzaCwgTkxSRS5Db21tb24iLCJDb2xvciI6eyIkaWQiOiIxODAiLCJBIjoyNTUsIlIiOjIwNCwiRyI6MjA0LCJCIjoyMDR9fSwiTGluZVdlaWdodCI6MS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OCIsIlRvcCI6MCwiTGVmdCI6MCwiUmlnaHQiOjAsIkJvdHRvbSI6MH0sIlBhZGRpbmciOnsiJGlkIjoiMTk5IiwiVG9wIjowLCJMZWZ0IjowLCJSaWdodCI6MCwiQm90dG9tIjowfSwiQmFja2dyb3VuZCI6eyIkcmVmIjoiMTI0In0sIklzVmlzaWJsZSI6dHJ1ZSwiV2lkdGgiOjAuMCwiSGVpZ2h0IjowLjAsIkJvcmRlclN0eWxlIjp7IiRpZCI6IjIwMCIsIkxpbmVDb2xvciI6bnVsbCwiTGluZVdlaWdodCI6MC4wLCJMaW5lVHlwZSI6MCwiUGFyZW50U3R5bGUiOm51bGx9LCJQYXJlbnRTdHlsZSI6bnVsbH0sIkRhdGVGb3JtYXQiOnsiJGlkIjoiMjA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IyMiIsIk1hcmdpbiI6eyIkaWQiOiIyMjMiLCJUb3AiOjAsIkxlZnQiOjQsIlJpZ2h0Ijo0LCJCb3R0b20iOjB9LCJQYWRkaW5nIjp7IiRpZCI6IjIyNCIsIlRvcCI6MCwiTGVmdCI6MCwiUmlnaHQiOjAsIkJvdHRvbSI6MH0sIkJhY2tncm91bmQiOnsiJGlkIjoiMjI1IiwiQ29sb3IiOnsiJGlkIjoiMjI2IiwiQSI6MjU1LCJSIjoyMzcsIkciOjEyNSwiQiI6NDl9fSwiSXNWaXNpYmxlIjp0cnVlLCJXaWR0aCI6MC4wLCJIZWlnaHQiOjE2LjAsIkJvcmRlclN0eWxlIjp7IiRpZCI6IjIyNyIsIkxpbmVDb2xvciI6eyIkcmVmIjoiMTA5In0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MjMxLCJHIjoyMzAsIkIiOjIzMH19LCJNYXhXaWR0aCI6NzIwLjAsIk1heEhlaWdodCI6IkluZmluaXR5IiwiU21hcnRGb3JlZ3JvdW5kSXNBY3RpdmUiOmZhbHNlLCJIb3Jpem9udGFsQWxpZ25tZW50IjoxLCJWZXJ0aWNhbEFsaWdubWVudCI6MCwiU21hcnRGb3JlZ3JvdW5kIjpudWxsLCJCYWNrZ3JvdW5kRmlsbFR5cGUiOjAsIk1hcmdpbiI6eyIkaWQiOiIyMzIiLCJUb3AiOjAsIkxlZnQiOjAsIlJpZ2h0IjowLCJCb3R0b20iOjB9LCJQYWRkaW5nIjp7IiRpZCI6IjIzMyIsIlRvcCI6MCwiTGVmdCI6MCwiUmlnaHQiOjAsIkJvdHRvbSI6MH0sIkJhY2tncm91bmQiOnsiJHJlZiI6IjExNyJ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xMCwiRm9udE5hbWUiOiJDYWxpYnJpIiwiSXNCb2xkIjpmYWxzZSwiSXNJdGFsaWMiOmZhbHNlLCJJc1VuZGVybGluZWQiOmZhbHNlLCJQYXJlbnRTdHlsZSI6bnVsbH0sIkF1dG9TaXplIjowLCJGb3JlZ3JvdW5kIjp7IiRpZCI6IjIzNyIsIkNvbG9yIjp7IiRpZCI6IjI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5IiwiVG9wIjowLCJMZWZ0IjowLCJSaWdodCI6MCwiQm90dG9tIjowfSwiUGFkZGluZyI6eyIkaWQiOiIyNDAiLCJUb3AiOjAsIkxlZnQiOjAsIlJpZ2h0IjowLCJCb3R0b20iOjB9LCJCYWNrZ3JvdW5kIjp7IiRyZWYiOiIxMjQifSwiSXNWaXNpYmxlIjp0cnVlLCJXaWR0aCI6MC4wLCJIZWlnaHQiOjAuMCwiQm9yZGVyU3R5bGUiOnsiJGlkIjoiMjQxIiwiTGluZUNvbG9yIjpudWxsLCJMaW5lV2VpZ2h0IjowLjAsIkxpbmVUeXBlIjowLCJQYXJlbnRTdHlsZSI6bnVsbH0sIlBhcmVudFN0eWxlIjpudWxsfSwiRGF0ZUZvcm1hdCI6eyIkaWQiOiIyND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MTE3In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kiLCJUb3AiOjAsIkxlZnQiOjAsIlJpZ2h0IjowLCJCb3R0b20iOjB9LCJQYWRkaW5nIjp7IiRpZCI6IjI4MCIsIlRvcCI6MCwiTGVmdCI6MCwiUmlnaHQiOjAsIkJvdHRvbSI6MH0sIkJhY2tncm91bmQiOnsiJHJlZiI6IjEyNCJ9LCJJc1Zpc2libGUiOnRydWUsIldpZHRoIjowLjAsIkhlaWdodCI6MC4wLCJCb3JkZXJTdHlsZSI6eyIkaWQiOiIyODEiLCJMaW5lQ29sb3IiOm51bGwsIkxpbmVXZWlnaHQiOjAuMCwiTGluZVR5cGUiOjAsIlBhcmVudFN0eWxlIjpudWxsfSwiUGFyZW50U3R5bGUiOm51bGx9LCJEYXRlRm9ybWF0Ijp7IiRpZCI6IjI4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OSIsIlRvcCI6MCwiTGVmdCI6MCwiUmlnaHQiOjAsIkJvdHRvbSI6MH0sIlBhZGRpbmciOnsiJGlkIjoiMzIwIiwiVG9wIjowLCJMZWZ0IjowLCJSaWdodCI6MCwiQm90dG9tIjowfSwiQmFja2dyb3VuZCI6eyIkcmVmIjoiMTI0In0sIklzVmlzaWJsZSI6dHJ1ZSwiV2lkdGgiOjAuMCwiSGVpZ2h0IjowLjAsIkJvcmRlclN0eWxlIjp7IiRpZCI6IjMyMSIsIkxpbmVDb2xvciI6bnVsbCwiTGluZVdlaWdodCI6MC4wLCJMaW5lVHlwZSI6MCwiUGFyZW50U3R5bGUiOm51bGx9LCJQYXJlbnRTdHlsZSI6bnVsbH0sIkRhdGVGb3JtYXQiOnsiJGlkIjoiMzIy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MjgiLCJVc2VUaW1lIjpmYWxzZSwiV29ya0RheVN0YXJ0IjoiMDA6MDA6MDAiLCJXb3JrRGF5RW5kIjoiMjM6NTk6MDAifSwiTGFzdFVzZWRUZW1wbGF0ZUlkIjoiYWQ5ZWNlMjMtMTk5Ny00ZWQ5LWI4MWMtMzFmNTFmMzJiNTYxIn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BusinessContrast">
      <a:dk1>
        <a:srgbClr val="000000"/>
      </a:dk1>
      <a:lt1>
        <a:sysClr val="window" lastClr="FFFFFF"/>
      </a:lt1>
      <a:dk2>
        <a:srgbClr val="000000"/>
      </a:dk2>
      <a:lt2>
        <a:srgbClr val="E5E8E8"/>
      </a:lt2>
      <a:accent1>
        <a:srgbClr val="00AEEF"/>
      </a:accent1>
      <a:accent2>
        <a:srgbClr val="EA428A"/>
      </a:accent2>
      <a:accent3>
        <a:srgbClr val="EED500"/>
      </a:accent3>
      <a:accent4>
        <a:srgbClr val="F5A70D"/>
      </a:accent4>
      <a:accent5>
        <a:srgbClr val="8BCB30"/>
      </a:accent5>
      <a:accent6>
        <a:srgbClr val="9962C1"/>
      </a:accent6>
      <a:hlink>
        <a:srgbClr val="00AEEF"/>
      </a:hlink>
      <a:folHlink>
        <a:srgbClr val="9962C1"/>
      </a:folHlink>
    </a:clrScheme>
    <a:fontScheme name="Franklin Gothic Medium">
      <a:majorFont>
        <a:latin typeface="Franklin Gothic Medium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Franklin Gothic Medium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BusinessContrast">
      <a:dk1>
        <a:srgbClr val="000000"/>
      </a:dk1>
      <a:lt1>
        <a:sysClr val="window" lastClr="FFFFFF"/>
      </a:lt1>
      <a:dk2>
        <a:srgbClr val="000000"/>
      </a:dk2>
      <a:lt2>
        <a:srgbClr val="E5E8E8"/>
      </a:lt2>
      <a:accent1>
        <a:srgbClr val="00AEEF"/>
      </a:accent1>
      <a:accent2>
        <a:srgbClr val="EA428A"/>
      </a:accent2>
      <a:accent3>
        <a:srgbClr val="EED500"/>
      </a:accent3>
      <a:accent4>
        <a:srgbClr val="F5A70D"/>
      </a:accent4>
      <a:accent5>
        <a:srgbClr val="8BCB30"/>
      </a:accent5>
      <a:accent6>
        <a:srgbClr val="9962C1"/>
      </a:accent6>
      <a:hlink>
        <a:srgbClr val="00AEEF"/>
      </a:hlink>
      <a:folHlink>
        <a:srgbClr val="9962C1"/>
      </a:folHlink>
    </a:clrScheme>
    <a:fontScheme name="Franklin Gothic Medium">
      <a:majorFont>
        <a:latin typeface="Franklin Gothic Medium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Franklin Gothic Medium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webextensions/_rels/webextension1.xml.rels><?xml version="1.0" encoding="UTF-8" standalone="yes"?>
<Relationships xmlns="http://schemas.openxmlformats.org/package/2006/relationships"><Relationship Id="rId1" Type="http://schemas.openxmlformats.org/officeDocument/2006/relationships/image" Target="../media/image6.png"/></Relationships>
</file>

<file path=ppt/webextensions/_rels/webextension2.xml.rels><?xml version="1.0" encoding="UTF-8" standalone="yes"?>
<Relationships xmlns="http://schemas.openxmlformats.org/package/2006/relationships"><Relationship Id="rId1" Type="http://schemas.openxmlformats.org/officeDocument/2006/relationships/image" Target="../media/image7.png"/></Relationships>
</file>

<file path=ppt/webextensions/webextension1.xml><?xml version="1.0" encoding="utf-8"?>
<we:webextension xmlns:we="http://schemas.microsoft.com/office/webextensions/webextension/2010/11" id="{AF8947CA-72A4-4EFC-B558-7FEEAC734922}">
  <we:reference id="wa104379485" version="1.0.0.2" store="en-US" storeType="OMEX"/>
  <we:alternateReferences>
    <we:reference id="wa104379485" version="1.0.0.2" store="wa104379485" storeType="OMEX"/>
  </we:alternateReferences>
  <we:properties>
    <we:property name="savedState" value="{&quot;plotlyChartUrl&quot;:&quot;https://plot.ly/~sahismiley11/1.embed&quot;,&quot;plotlyChartJSON&quot;:null,&quot;appVersion&quot;:&quot;1.0&quot;,&quot;savedDate&quot;:&quot;Thu, 10 Oct 2019 13:13:49 GMT&quot;,&quot;plotlyChartIFrameUrl&quot;:null}"/>
  </we:properties>
  <we:bindings/>
  <we:snapshot xmlns:r="http://schemas.openxmlformats.org/officeDocument/2006/relationships" r:embed="rId1"/>
</we:webextension>
</file>

<file path=ppt/webextensions/webextension2.xml><?xml version="1.0" encoding="utf-8"?>
<we:webextension xmlns:we="http://schemas.microsoft.com/office/webextensions/webextension/2010/11" id="{DF249015-684A-4AC8-B4E4-F33BF3D75FB3}">
  <we:reference id="wa104379485" version="1.0.0.2" store="en-US" storeType="OMEX"/>
  <we:alternateReferences>
    <we:reference id="wa104379485" version="1.0.0.2" store="wa104379485" storeType="OMEX"/>
  </we:alternateReferences>
  <we:properties>
    <we:property name="savedState" value="{&quot;plotlyChartUrl&quot;:&quot;https://plot.ly/~sahismiley11/5/#/&quot;,&quot;plotlyChartJSON&quot;:null,&quot;appVersion&quot;:&quot;1.0&quot;,&quot;savedDate&quot;:&quot;Thu, 10 Oct 2019 13:15:13 GMT&quot;}"/>
  </we:properties>
  <we:bindings/>
  <we:snapshot xmlns:r="http://schemas.openxmlformats.org/officeDocument/2006/relationships" r:embed="rId1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291512c1ee715ab617f4c07df79fc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8256c27c40ca5c40ce1cf6c44f0205df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Props1.xml><?xml version="1.0" encoding="utf-8"?>
<ds:datastoreItem xmlns:ds="http://schemas.openxmlformats.org/officeDocument/2006/customXml" ds:itemID="{44CEB76F-5C52-4F69-A3C1-2DBEA8CF746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E7567CE-A543-444C-8597-EB227849112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A32D51B-405E-4F81-B5A9-F253CD7FC481}">
  <ds:schemaRefs>
    <ds:schemaRef ds:uri="16c05727-aa75-4e4a-9b5f-8a80a1165891"/>
    <ds:schemaRef ds:uri="http://purl.org/dc/elements/1.1/"/>
    <ds:schemaRef ds:uri="http://schemas.microsoft.com/office/infopath/2007/PartnerControls"/>
    <ds:schemaRef ds:uri="http://purl.org/dc/dcmitype/"/>
    <ds:schemaRef ds:uri="http://schemas.microsoft.com/office/2006/metadata/properties"/>
    <ds:schemaRef ds:uri="http://purl.org/dc/terms/"/>
    <ds:schemaRef ds:uri="http://schemas.microsoft.com/office/2006/documentManagement/types"/>
    <ds:schemaRef ds:uri="http://schemas.openxmlformats.org/package/2006/metadata/core-properties"/>
    <ds:schemaRef ds:uri="71af3243-3dd4-4a8d-8c0d-dd76da1f02a5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695</Words>
  <Application>Microsoft Office PowerPoint</Application>
  <PresentationFormat>Custom</PresentationFormat>
  <Paragraphs>107</Paragraphs>
  <Slides>1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3" baseType="lpstr">
      <vt:lpstr>Arial</vt:lpstr>
      <vt:lpstr>Calibri</vt:lpstr>
      <vt:lpstr>Calibri Light</vt:lpstr>
      <vt:lpstr>Franklin Gothic Medium</vt:lpstr>
      <vt:lpstr>Office Theme</vt:lpstr>
      <vt:lpstr>SHAPELY</vt:lpstr>
      <vt:lpstr>Shapely values</vt:lpstr>
      <vt:lpstr>Experiment with shapely values</vt:lpstr>
      <vt:lpstr>Experiment with shapely values</vt:lpstr>
      <vt:lpstr>Experiment with shapely values</vt:lpstr>
      <vt:lpstr>Proposals</vt:lpstr>
      <vt:lpstr>Shapely accelerated smart data labelling</vt:lpstr>
      <vt:lpstr>Clustering using shapely values</vt:lpstr>
      <vt:lpstr>Shapely accelerated smart labelling</vt:lpstr>
      <vt:lpstr>Experiment (smart labelling)</vt:lpstr>
      <vt:lpstr>Results</vt:lpstr>
      <vt:lpstr>Next</vt:lpstr>
      <vt:lpstr>Case study report:  Measure the effect of model interpretability</vt:lpstr>
      <vt:lpstr>Interpretability</vt:lpstr>
      <vt:lpstr> Literature survey: Apartment price prediction : weights LR Industrial use case: Shapely</vt:lpstr>
      <vt:lpstr>What can we measure?</vt:lpstr>
      <vt:lpstr>What can we measure?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09T22:16:57Z</dcterms:created>
  <dcterms:modified xsi:type="dcterms:W3CDTF">2019-10-10T13:27:26Z</dcterms:modified>
</cp:coreProperties>
</file>